
<file path=[Content_Types].xml><?xml version="1.0" encoding="utf-8"?>
<Types xmlns="http://schemas.openxmlformats.org/package/2006/content-types">
  <Default Extension="bin" ContentType="application/vnd.openxmlformats-officedocument.spreadsheetml.customProperty"/>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printerSettings/printerSettings1.bin" ContentType="application/vnd.openxmlformats-officedocument.spreadsheetml.printerSettings"/>
  <Override PartName="/xl/drawings/drawing2.xml" ContentType="application/vnd.openxmlformats-officedocument.drawing+xml"/>
  <Override PartName="/xl/drawings/drawing3.xml" ContentType="application/vnd.openxmlformats-officedocument.drawing+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929"/>
  <workbookPr/>
  <mc:AlternateContent xmlns:mc="http://schemas.openxmlformats.org/markup-compatibility/2006">
    <mc:Choice Requires="x15">
      <x15ac:absPath xmlns:x15ac="http://schemas.microsoft.com/office/spreadsheetml/2010/11/ac" url="https://lacahsa-my.sharepoint.com/personal/richmond_mcmurray_lacahsa_gov/Documents/Documents/Temp Files/"/>
    </mc:Choice>
  </mc:AlternateContent>
  <xr:revisionPtr revIDLastSave="0" documentId="8_{DE715669-BC07-4F18-8323-661172792C1E}" xr6:coauthVersionLast="47" xr6:coauthVersionMax="47" xr10:uidLastSave="{00000000-0000-0000-0000-000000000000}"/>
  <bookViews>
    <workbookView xWindow="-120" yWindow="-120" windowWidth="29040" windowHeight="15720" firstSheet="4" activeTab="4" xr2:uid="{F0C849B6-0D40-40BF-BA88-ABB2352932BB}"/>
  </bookViews>
  <sheets>
    <sheet name="DS_INTERNAL_SETTINGS_STORAGE" sheetId="21" state="veryHidden" r:id="rId1"/>
    <sheet name="DS_INTERNAL_DOCGROUP_STORAGE" sheetId="22" state="veryHidden" r:id="rId2"/>
    <sheet name="DS_INTERNAL_DOCUMENT_STORAGE" sheetId="23" state="veryHidden" r:id="rId3"/>
    <sheet name="DS_INTERNAL_SNIP_STORAGE" sheetId="24" state="veryHidden" r:id="rId4"/>
    <sheet name="CoverSheet" sheetId="20" r:id="rId5"/>
    <sheet name="Repository" sheetId="19" r:id="rId6"/>
    <sheet name="Reference" sheetId="14" r:id="rId7"/>
    <sheet name="Lists" sheetId="17" state="hidden" r:id="rId8"/>
  </sheets>
  <definedNames>
    <definedName name="_xlnm._FilterDatabase" localSheetId="5" hidden="1">Repository!$B$7:$M$54</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489" uniqueCount="312">
  <si>
    <t>Requirements Traceability Matrix</t>
  </si>
  <si>
    <t>ID</t>
  </si>
  <si>
    <r>
      <t xml:space="preserve">Requirement 
</t>
    </r>
    <r>
      <rPr>
        <i/>
        <sz val="9"/>
        <color theme="0"/>
        <rFont val="Segoe UI"/>
        <family val="2"/>
        <scheme val="minor"/>
      </rPr>
      <t>(Ability to)</t>
    </r>
  </si>
  <si>
    <t>Description</t>
  </si>
  <si>
    <r>
      <rPr>
        <b/>
        <sz val="11"/>
        <color rgb="FFFFFFFF"/>
        <rFont val="Segoe UI"/>
        <family val="2"/>
        <scheme val="minor"/>
      </rPr>
      <t xml:space="preserve">Use Case
</t>
    </r>
    <r>
      <rPr>
        <i/>
        <sz val="9"/>
        <color rgb="FFFFFFFF"/>
        <rFont val="Segoe UI"/>
        <family val="2"/>
        <scheme val="minor"/>
      </rPr>
      <t>(i.e., How do requirements work 
together within a process?)</t>
    </r>
  </si>
  <si>
    <t>Taxonomy Ref.</t>
  </si>
  <si>
    <t>Owner</t>
  </si>
  <si>
    <t>TOM Layer</t>
  </si>
  <si>
    <t>Requested By</t>
  </si>
  <si>
    <t xml:space="preserve">Must Have, Should Have, Could Have </t>
  </si>
  <si>
    <t>Notes</t>
  </si>
  <si>
    <t>001</t>
  </si>
  <si>
    <t>Digital</t>
  </si>
  <si>
    <t>Must Have</t>
  </si>
  <si>
    <t>002</t>
  </si>
  <si>
    <t>003</t>
  </si>
  <si>
    <t>004</t>
  </si>
  <si>
    <t>005</t>
  </si>
  <si>
    <t>006</t>
  </si>
  <si>
    <t>007</t>
  </si>
  <si>
    <t>008</t>
  </si>
  <si>
    <t>Should Have</t>
  </si>
  <si>
    <t>009</t>
  </si>
  <si>
    <t>010</t>
  </si>
  <si>
    <t>011</t>
  </si>
  <si>
    <t>012</t>
  </si>
  <si>
    <t>013</t>
  </si>
  <si>
    <t>014</t>
  </si>
  <si>
    <t>015</t>
  </si>
  <si>
    <t>016</t>
  </si>
  <si>
    <t>017</t>
  </si>
  <si>
    <t>018</t>
  </si>
  <si>
    <t>019</t>
  </si>
  <si>
    <t>020</t>
  </si>
  <si>
    <t>021</t>
  </si>
  <si>
    <t>Could Have</t>
  </si>
  <si>
    <t>022</t>
  </si>
  <si>
    <t>Data and Insights</t>
  </si>
  <si>
    <t>Process</t>
  </si>
  <si>
    <t>Organization</t>
  </si>
  <si>
    <t>Governance</t>
  </si>
  <si>
    <t>Target Operating Model:</t>
  </si>
  <si>
    <t>Taxonomy:</t>
  </si>
  <si>
    <t>People and Culture</t>
  </si>
  <si>
    <t>Richmond McMurray / Ryan Olson</t>
  </si>
  <si>
    <t>Critical for AP efficiency; reduces manual effort extracting and sharing disbursement data with jurisdictions.
Dependencies: Dependent on jurisdictions use of ERP to streamline disbursements within a single ERP.</t>
  </si>
  <si>
    <t>Finance - 2.4 Invoice Processing
Finance - 2.5 Invoice Payment</t>
  </si>
  <si>
    <t>Finance - 6.1 Transaction Recording &amp; Processing</t>
  </si>
  <si>
    <t>Dependencies: Dependent on connectivity of third-party applications with the ERP to automate processes and reduce data reconciliations.</t>
  </si>
  <si>
    <t>Dependencies: Dependent on bank compatibility with ERP for integration (i.e. Western Alliance).</t>
  </si>
  <si>
    <t>FP&amp;A Manager</t>
  </si>
  <si>
    <t>Dependencies: Dependent on the ERP or tool reflecting the latest data available across all software and completion of manual reconciliations.</t>
  </si>
  <si>
    <t>Finance - 7.6 Performance Management
Finance - 7.7 Ongoing Analytics</t>
  </si>
  <si>
    <t>Finance - 4.3 Project Execution &amp; Monitoring</t>
  </si>
  <si>
    <t>Controller / Assistant Controller</t>
  </si>
  <si>
    <t>Dependency: Dependent on the organizational direction LACAHSA decides to enter as construction or housing management modules will need to be utilized.</t>
  </si>
  <si>
    <t>Finance - 1.5 Negotiation &amp; Contracting</t>
  </si>
  <si>
    <t>Deputy Chief Compliance Officer</t>
  </si>
  <si>
    <t>Finance - 6.6 Compliance &amp; Audit Support</t>
  </si>
  <si>
    <t>Ryan Olson</t>
  </si>
  <si>
    <t>Claudia Lima</t>
  </si>
  <si>
    <t>Ada Arevalo</t>
  </si>
  <si>
    <t>AP Accountant</t>
  </si>
  <si>
    <t>Finance - 2.6 Travel &amp; Expense Reimbursement</t>
  </si>
  <si>
    <t>023</t>
  </si>
  <si>
    <t>024</t>
  </si>
  <si>
    <t>025</t>
  </si>
  <si>
    <t>026</t>
  </si>
  <si>
    <t>Richmond McMurray</t>
  </si>
  <si>
    <t>027</t>
  </si>
  <si>
    <t>028</t>
  </si>
  <si>
    <t>029</t>
  </si>
  <si>
    <t>030</t>
  </si>
  <si>
    <t>031</t>
  </si>
  <si>
    <t>032</t>
  </si>
  <si>
    <t>033</t>
  </si>
  <si>
    <t>Richmond McMurray / Claudia Lima</t>
  </si>
  <si>
    <t>034</t>
  </si>
  <si>
    <t>035</t>
  </si>
  <si>
    <t>036</t>
  </si>
  <si>
    <t>037</t>
  </si>
  <si>
    <t>038</t>
  </si>
  <si>
    <t>039</t>
  </si>
  <si>
    <t>040</t>
  </si>
  <si>
    <t>041</t>
  </si>
  <si>
    <t>042</t>
  </si>
  <si>
    <t>043</t>
  </si>
  <si>
    <t>Louisa Amott</t>
  </si>
  <si>
    <t>Hannah Villhauer</t>
  </si>
  <si>
    <t>Louisa Amott / Amanda Flores</t>
  </si>
  <si>
    <t>Shannon Castleberry</t>
  </si>
  <si>
    <t>Grants / Investments Team</t>
  </si>
  <si>
    <t>Finance - 4.5 Period End Close &amp; Reporting</t>
  </si>
  <si>
    <t>The system will support invoice processing to facilitate the distribution of funds to the applicable jurisdictions on behalf of LACAHSA.</t>
  </si>
  <si>
    <t>AP invoices will be input into ERP and paid to various vendors (Jurisdictions).</t>
  </si>
  <si>
    <t>Finance - 2.5 Invoice Payment
Treasury - 2.2 Jurisdiction Disbursements</t>
  </si>
  <si>
    <t>An employee submits a travel or expense transaction in the ERP. The system enforces predefined spending limits and routes the expense through the appropriate approval workflow. Once approved, the expense is recorded in the ERP, reconciled, and reimbursed according to policy, with full visibility available to finance users for review and reporting.</t>
  </si>
  <si>
    <t>The system will support automated bank integrations to capture and record cash movements directly from financial institutions, eliminating manual entry or file-based imports.</t>
  </si>
  <si>
    <t>The system should integrate directly with LACAHSA's banking partners (PNC Bank, Western Alliance, KeyBank) to automatically receive and record bank transaction data within the ERP.</t>
  </si>
  <si>
    <t>Bank transaction activity from connected financial institutions is automatically transmitted to the ERP. The accounting team reviews cash movements in the system, where transactions are recorded in near real time and available for reconciliation, reporting, and cash management purposes.</t>
  </si>
  <si>
    <t>Controller</t>
  </si>
  <si>
    <t>Finance - 6.1 Transaction Recording &amp; Processing
Treasury - 1.4 Bank Account Management</t>
  </si>
  <si>
    <t>The system will support automated journal entry feeds from third-party systems, including configurable mapping of external account structures to the ERP general ledger and automated posting with minimal manual intervention.</t>
  </si>
  <si>
    <t>Journal entry data is automatically ingested from third-party applications (e.g., BambooHR). The ERP must support configurable mapping rules that translate external account codes, funds, and attributes into the ERP’s general ledger structure.</t>
  </si>
  <si>
    <t>Payroll journal entries generated by BambooHR are transmitted to the ERP, where the system applies predefined mapping rules to convert external account codes into the appropriate general ledger accounts, funds, and dimensions, and automatically posts the journal entries to the GL on a scheduled or trigger-based basis without manual rework.</t>
  </si>
  <si>
    <t>The system should enable the creation and tracking of interfund and intercompany journal entries to support accurate allocation of financial activity across organizational entities.</t>
  </si>
  <si>
    <t>The system will support interfund and intercompany journal entries to allocate costs and revenues across funds, properties, and programs.</t>
  </si>
  <si>
    <t>LACAHSA allocates shared costs or revenues across multiple funds, properties, and programs using interfund journal entries. The ERP automatically generates balanced entries and reflects the allocations accurately in financial reports.</t>
  </si>
  <si>
    <t>The system will support a close management capability that includes standardized close checklists, automated approval workflows, and a complete audit trail for all period and year-end close activities.</t>
  </si>
  <si>
    <t>The structured close management framework is used to plan, track, and control period and year-end close activities. This includes configurable close checklists with assigned tasks and dependencies, automated approval workflows for close-related transactions and reconciliations, and a comprehensive audit trail capturing all close entries, adjustments, approvals, and supporting documentation.</t>
  </si>
  <si>
    <t>At period-end, LACAHSA initiates the close process in the ERP. The system presents a predefined close checklist with assigned tasks, due dates, and dependencies. Journal entries and reconciliations submitted during close are routed through automated approval workflows with required supporting documentation. The ERP records all preparers, reviewers, approvals, timestamps, and changes, providing a complete audit trail to support internal review and external audit.</t>
  </si>
  <si>
    <t>Finance - 5.7 Period-End Close
Finance - 6.3 Financial Close</t>
  </si>
  <si>
    <t>The system will support end-to-end loan lifecycle management, including integration of loan data from external systems, maintenance of a loan subledger, tracking of funding and construction draws, and approval controls over loan draw changes.</t>
  </si>
  <si>
    <t>The system should maintain complete and accurate loan information, including receiving key loan attributes from external loan origination or underwriting systems (e.g., Moody’s), maintaining a loan subledger to track balances and activity, managing approved funding amounts and construction draws, and enforcing approval workflows for changes to loan draw amounts.</t>
  </si>
  <si>
    <t>Once a loan is originated, key loan details are transferred to the ERP from Moody's. The loan is recorded in the ERP loan subledger, where balances, funding limits, and draw activity are tracked over time. As construction draws are approved and processed, the ERP records funding usage against authorized loan amounts. Any changes to approved draw amounts are routed through predefined approval workflows, with supporting documentation captured prior to disbursement.</t>
  </si>
  <si>
    <t>Claudia Lima / Richmond McMurray</t>
  </si>
  <si>
    <t>Treasury - 3.4 Debt Portfolio Management</t>
  </si>
  <si>
    <t>The system will support project-based program management to track individual applications or cases, including budgets, funding draws, expenditures, milestones, and performance metrics against LACAHSA's goals and requirements.</t>
  </si>
  <si>
    <t>Project management capability within the ERP is used to manage housing assistance programs, applications, or cases as individual projects. Each project should have an approved budget, defined milestones, and funding limits, with the ability to track draw activity, expenditures, and remaining balances in real time.</t>
  </si>
  <si>
    <t>An application or case is established as a project in the ERP with an approved budget and funding parameters. As draws and expenditures occur, the ERP records activity against the project, updating available balances and progress metrics in real time.</t>
  </si>
  <si>
    <t>COO</t>
  </si>
  <si>
    <t>Finance - 4.0 Project to Result</t>
  </si>
  <si>
    <t>The system will provide configurable dashboards and reporting to support internal management oversight and external stakeholder reporting related to projects, programs, and funding activity.</t>
  </si>
  <si>
    <t>Standardized and ad hoc reporting capabilities that leverage real-time ERP project data are available within system, confoigurable to both internal and external reporting requirements.</t>
  </si>
  <si>
    <t>LACAHSA leadership access dashboards and reports within the ERP to review project status, funding utilization, and performance metrics. Reports can be generated for internal management, board review, or external compliance using current system data without manual data manipulation.</t>
  </si>
  <si>
    <t>The system will support an integrated construction management capability that enables the setup, management, and financial tracking of construction projects, including budgets, contracts, change orders, and draw activity, with full integration to the general ledger.</t>
  </si>
  <si>
    <t>Construction management capabilities within the ERP are used to support the full lifecycle of construction projects. This includes establishing projects with approved budgets and funding sources, managing contracts and change orders, tracking commitments and draw requests, and capturing actual costs.</t>
  </si>
  <si>
    <t>LACAHSA sets up a construction project within the ERP, including budgets, funding sources, and vendor contracts. As work progresses, the system tracks commitments, change orders, and draw requests. Approved draws and costs automatically post to the general ledger, enabling real-time visibility into project spend versus budget and supporting accurate financial and compliance reporting.</t>
  </si>
  <si>
    <t>When a property is acquired, it is set up in the system with unit-level details, funding restrictions, and compliance requirements. As units are leased, vacated, or maintained, the system automatically updates availability, occupancy, and capacity in real time. Users can view current housing inventory and compliance status, while financial activity related to the property integrates with the ERP for reporting and planning.</t>
  </si>
  <si>
    <t>Finance - 5.2 Asset Acquisition, Lease &amp; Setup
Finance - 5.3 Utilization &amp; Maintenance</t>
  </si>
  <si>
    <t>The system will support full contract lifecycle management from requisition and approval through execution, amendment, and secure storage, with role-based access controls and audit trails for both legal and financial agreements.</t>
  </si>
  <si>
    <t>A user initiates a contract request within the ERP, which routes through defined review and approval workflows. Once executed, the contract is stored securely within the system with role-based access and full audit history. Contract status, key terms, and amendments are tracked throughout the lifecycle, and relevant financial and compliance data is available to authorized users without relying on external document repositories.</t>
  </si>
  <si>
    <t>The system will support a property development capability that enables the tracking of housing properties and individual units from acquisition through occupancy, maintenance, and disposition, including real-time visibility into availability, capacity, and compliance status.</t>
  </si>
  <si>
    <t>Compliance officers configure regulatory and funding requirements within the ERP, including eligibility criteria, reporting deadlines, and monitoring rules tied to Measure A and SB679. As program activity, expenditures, and funding transactions are recorded, the ERP automatically evaluates compliance status, flags exceptions, and generates reports to support internal oversight, external reporting, and audit requirements.</t>
  </si>
  <si>
    <t>Finance - 6.6 Compliance &amp; Audit Support
Finance -  3.1 Recipient Setup &amp; Compliance Management</t>
  </si>
  <si>
    <t>The system will support centralized Chart of Accounts (CoA) governance within the Finance function, including alignment with GASB reporting requirements and controlled, workflow-driven approval of CoA changes.</t>
  </si>
  <si>
    <t>A finance user submits a request in the ERP to add or modify a Chart of Accounts value, documenting the reporting or compliance need for the change. The request is automatically routed through a predefined, multi-level approval workflow within Finance (e.g., Controller and CFO). Once approved, the ERP applies the change to the Chart of Accounts and retains a complete history of the request, approvals, and rationale for audit and reporting purposes.</t>
  </si>
  <si>
    <t>CFO / Controller</t>
  </si>
  <si>
    <t>Finance - 8.1 Data
Finance - 6.1 Transaction Recording &amp; Processing</t>
  </si>
  <si>
    <t>The system will support fund accounting using flexible dimensional structures, including the ability to process interfund transactions and cross-fund loans between funds and jurisdictions.</t>
  </si>
  <si>
    <t>Fund accounting is developed through configurable segments or dimensions. The dimensional structure must be scalable to accommodate increasing complexity as the organization expands its fund and jurisdictional reporting needs. The system also supports interfund activity, including interfund transactions, true-ups, adjustments, and cross-fund loans.</t>
  </si>
  <si>
    <t>LACAHSA configures fund accounting dimensions within the ERP to track activity by fund and jurisdiction. As transactions occur, the ERP records balances at each dimensional level. When interfund activity is required—such as a jurisdiction borrowing against an advance from the general fund—the ERP processes the cross-fund transaction, updates fund balances accordingly, and maintains visibility into outstanding interfund balances, true-ups, and adjustments for reporting and reconciliation.</t>
  </si>
  <si>
    <t>The system will support automated, rule‑based allocation methodologies that distribute costs and revenues across funds, programs, jurisdictions, and other dimensions based on configurable drivers.</t>
  </si>
  <si>
    <t>LACAHSA configures allocation rules within the ERP to distribute shared administrative costs across funds and jurisdictions using predefined drivers. During each accounting period, the system automatically executes the allocations, generates balanced journal entries, and posts them to the general ledger. Users can review allocation results, trace amounts back to source transactions and drivers, and produce audit-ready documentation without manual calculations or spreadsheets.</t>
  </si>
  <si>
    <t>Finance - 6.1 Transaction Recording &amp; Processing
Finance - 6.3 Financial Close</t>
  </si>
  <si>
    <t>The system will support comprehensive asset lifecycle management for housing assets and related infrastructure, including integration with capital projects, to track assets from acquisition and development through operation, maintenance, performance evaluation, and disposition.</t>
  </si>
  <si>
    <t>When a capital or construction project is completed, the associated asset is automatically created or updated in the asset management module with relevant financial, funding, and compliance attributes. As the asset moves into operation, the system tracks maintenance activities, performance metrics, occupancy-related data, and costs over time. Finance and operations users can monitor asset performance against defined goals and requirements, with asset activity fully integrated into financial reporting and lifecycle analytics.</t>
  </si>
  <si>
    <t>Finance - 5.1 Asset Planning &amp; Budget
Finance - 5.2 Asset Acquisition &amp; Setup
Finance - 5.3 Asset Utilization &amp; Maintenance
Finance - 5.5 Asset Retirement &amp; Disposal
Finance - 5.7 Period-End Close
Finance - 5.8 Asset Compliance &amp; Reporting</t>
  </si>
  <si>
    <t>The system will support an automated requisition process that centralizes purchase requests, enforces procurement policies, and routes requests through configurable review and approval workflows prior to purchase.</t>
  </si>
  <si>
    <t>A user submits a purchase requisition in the ERP, selecting the appropriate category, funding source, and justification. The system automatically validates the request against procurement policies and routes it to the appropriate approvers based on amount, fund, and department. Once approved, the requisition is converted into a purchase order or linked to an existing contract, ensuring compliant and controlled purchasing.</t>
  </si>
  <si>
    <t>Finance - 2.1 Purchase Requisition</t>
  </si>
  <si>
    <t xml:space="preserve">Finance - 7.1 Strategic Planning &amp; Long-Range Plan
Finance - 7.3 Business Planning
Finance - 7.5 Variance Analysis &amp; Forecasting
</t>
  </si>
  <si>
    <t>Users access dashboards that display current performance metrics sourced directly from ERP data. As transactions are processed or data is updated, dashboard visualizations automatically refresh to reflect the latest information. Public-facing or client-facing dashboards can be published from approved data sources, eliminating the need for manual updates and ensuring consistent, accurate reporting.</t>
  </si>
  <si>
    <t>Finance - 6.6 Compliance &amp; Audit Support
Finance - 6.7 External Reporting</t>
  </si>
  <si>
    <t>The system will support configurable approval controls, including dollar-based approval thresholds and enforced segregation of duties across transaction entry, posting, and approval activities.</t>
  </si>
  <si>
    <t>Louisa Amott/Amanda Flores</t>
  </si>
  <si>
    <t>The system will support digital employee performance management, including 360-degree performance reviews and performance improvement plans (PIPs), with structured workflows, secure documentation, and centralized recordkeeping.</t>
  </si>
  <si>
    <t>Configurable approval workflows are used to route transactions based on dollar thresholds and enforce segregation of duties to prevent conflicts of interest. The ERP must ensure that no single user can initiate, post, and approve the same transaction, and that approval responsibilities are clearly defined and enforced by system controls.</t>
  </si>
  <si>
    <t>A department submits an expense or journal entry in the ERP. The system routes the transaction to the appropriate department head for review. Based on configured dollar thresholds, the transaction is then routed to the Controller or CFO for approval. The ERP enforces segregation of duties by preventing users from approving or posting transactions they initiated. Once fully approved, the transaction is posted and recorded in the general ledger.</t>
  </si>
  <si>
    <t>The management of housing properties and units is supported within ERP system throughout their lifecycle, including funding restrictions, compliance requirements, occupancy status, and availability. This capability should integrate with financial modules/systems to support accurate reporting, housing placement decisions, and long-term planning.</t>
  </si>
  <si>
    <t>An integrated contract management capability within ERP system supports the full lifecycle of contracts and agreements. Contract data should be structured and searchable, and integrated with financial and compliance processes to support funding oversight, regulatory requirements, and operational transparency.</t>
  </si>
  <si>
    <t>Allocation rules (e.g., percentage splits, headcount, square footage, program spend, jurisdiction metrics) are run automatically during the close process or on a scheduled basis. Allocations will be traceable, repeatable, and support audit and compliance requirements.</t>
  </si>
  <si>
    <t>HR Team</t>
  </si>
  <si>
    <t>HR - 3.1 Performance Management</t>
  </si>
  <si>
    <t>The system will support learning and training management capabilities, including delivery of training courses to internal and external participants, completion tracking, and tracking of associated training costs and financial approvals.</t>
  </si>
  <si>
    <t>HR or program staff assigns training courses to internal employees and external participants through the system. Participants complete assigned courses, and completion status is tracked automatically. When external or purchased training is required, associated costs are submitted through the system for approval and recorded centrally. HR and finance users can view training completion, compliance status, and training-related spend without relying on manual tracking.</t>
  </si>
  <si>
    <t>HR - 4.1 Training Needs Analysis
HR - 4.3 Course &amp; Curriculum Management
HR - 4.5 Certifications &amp; Continuing Education Tracking</t>
  </si>
  <si>
    <t>An automated requisition capability that enables users to submit purchase requests electronically and routes those requests through predefined approval workflows is supported within ERP system. The system should enforce procurement policies through configurable controls such as approval thresholds, budget checks, required fields, and role-based routing.</t>
  </si>
  <si>
    <t>Reporting, analytics, and dashboarding capabilities that enable internal and external stakeholders to view up-to-date performance metrics without manual intervention is supported within ERP. Dashboards should update automatically based on data changes within the ERP or integrated systems and support visualizations such as charts, graphs, and key performance indicators.</t>
  </si>
  <si>
    <t>The system will support system administration and security roles that can be assigned outside of the Finance function while maintaining strong access controls and auditability.</t>
  </si>
  <si>
    <t>System administrator and security configuration roles can be assigned to non-Finance personnel (e.g., IT or Technology Operations) without granting inappropriate financial transaction access. Administrative users should be able to manage users, roles, workflows, and configurations while maintaining segregation from financial entry, posting, and approval activities.</t>
  </si>
  <si>
    <t>A Technology Operations user is assigned system administrator privileges in the ERP. The user manages user access, workflow configurations, and security roles but does not have the ability to enter, approve, or post financial transactions. All administrative actions are logged and auditable.</t>
  </si>
  <si>
    <t>Technology Operations Specialist</t>
  </si>
  <si>
    <t>Finance - 8.2 Systems</t>
  </si>
  <si>
    <t>The system will support configurable payment approval workflows for grant-related disbursements, including decentralized approvals coordinated across programs and finance.</t>
  </si>
  <si>
    <t>The system will support employee tax and statutory compliance management, including payroll tax reporting and payments, W-2 processing, and tracking and accounting for workers’ compensation with automated reporting and payments to applicable agencies and carriers.</t>
  </si>
  <si>
    <t>Payroll and finance users process payroll through the system, which automatically calculates applicable payroll taxes and workers’ compensation amounts. The system generates required tax reports and W-2s, schedules and processes tax payments, and posts related journal entries to the general ledger. Workers’ compensation costs are tracked and reported, with payments issued to carriers and supporting documentation retained centrally for audit and compliance purposes.</t>
  </si>
  <si>
    <t>Finance - 3.1 Recipient Setup &amp; Compliance Management</t>
  </si>
  <si>
    <t>HR - 7.2 Earnings, Deductions &amp; Tax Configuration
HR - 7.4 Payroll Accounting &amp; GL Interface
HR - 7.5 Payroll Reconciliation &amp; Reporting
HR - 7.6 Year-End Processing (W-2s, etc.)</t>
  </si>
  <si>
    <t>The system will support the capture, maintenance, and reporting of employee demographic and compliance-related data, including configurable fields and custom reporting to meet regulatory, operational, and analytical requirements.</t>
  </si>
  <si>
    <t>HR maintains employee demographic and compliance-related data within the system using configurable data fields. When regulatory or internal reporting is required, HR generates custom reports directly from the system to analyze workforce composition and compliance metrics. Updates to employee data are immediately reflected in reports and analytics, ensuring accurate and timely visibility without manual data manipulation.</t>
  </si>
  <si>
    <t>The system will maintain a comprehensive, system-wide audit trail for all changes and activities and support compliance with applicable public-sector audit and reporting standards, including GASB, Single Audit requirements, and GAGAS.</t>
  </si>
  <si>
    <t>The system will automatically capture and retain a detailed audit trail for all system activity, including configuration changes, master data updates, transaction entry, approvals, postings, and user access changes. Audit logs must record who performed each action, what was changed, and when the change occurred. The ERP must support public-sector audit and reporting requirements, including GASB standards and Single Audit expectations, while aligning with best practices under GAGAS.</t>
  </si>
  <si>
    <t>An auditor or compliance user accesses the ERP to review system activity for a defined period. The system provides a detailed audit log showing all changes to financial transactions, configurations, and master data, including user IDs, timestamps, and change details. Audit reports are generated to support GASB financial reporting and Single Audit procedures, with documentation readily available to demonstrate compliance with GAGAS standards.</t>
  </si>
  <si>
    <t>HR - 11.1 HR Dashboards &amp; KPIs
HR - 11.2 Compliance Reporting
HR - 11.4 Workforce Analytics</t>
  </si>
  <si>
    <t>Finance - 8.0 Governance</t>
  </si>
  <si>
    <t>The system will support centralized master data management to ensure consistency, control, and data integrity across all functional areas.</t>
  </si>
  <si>
    <t>The system will maintain a single, authoritative source of master data, including vendors, customers, accounts, funds, projects, and other core entities. Master data changes will be governed through standardized processes and controls to reduce duplication, errors, and inconsistent reporting.</t>
  </si>
  <si>
    <t>Finance or system administrators manage master data records within the ERP. Updates to master data (e.g., vendor details, account structures, project attributes) are applied centrally and automatically reflected across all dependent transactions, workflows, and reports, ensuring consistency and data integrity throughout the system.</t>
  </si>
  <si>
    <t>The system will support employee self-service access to HR resources, including centralized access to policies and documents and the ability to distribute and track acknowledgment of required employee materials such as the employee handbook.</t>
  </si>
  <si>
    <t>A new employee logs into the HR system and accesses required onboarding resources through a self-service portal. The employee reviews the employee handbook and other required materials and electronically acknowledges receipt. HR can view completion status and maintain records of acknowledgments centrally, ensuring consistent communication and compliance without manual tracking.</t>
  </si>
  <si>
    <t>HR - 1.3 HR Policy Management</t>
  </si>
  <si>
    <t>The system will support an automated vendor onboarding process, including the submission of invoices into a centralized repository.</t>
  </si>
  <si>
    <t>The system enables vendors to be onboarded through an automated, standardized process that captures required information and documentation. Once onboarded, vendors should be able to submit invoices directly into a centralized repository that integrates with accounts payable workflows, reducing manual data entry and improving processing efficiency.</t>
  </si>
  <si>
    <t>A new vendor is invited to onboard through the ERP or an integrated portal, where required information and documentation are submitted. Upon approval, the vendor is activated in the system and can submit invoices directly into the ERP repository. Invoices are routed through standard AP workflows for review, approval, and payment.</t>
  </si>
  <si>
    <t>The system will support real-time system updates &amp; reporting and dashboarding capabilities, including integration with business intelligence tools, to measure and visualize performance against defined objectives using current ERP data.</t>
  </si>
  <si>
    <t>The system will support robust identity and access management, including role-based and attribute-based access controls and single sign-on (SSO) for users.</t>
  </si>
  <si>
    <t>Security controls are enforced through configurable role-based and attribute-based access mechanisms to ensure users can only access data and functionality appropriate to their responsibilities. The ERP must also support single sign-on (SSO) to allow users to authenticate using centralized identity management systems, improving security, usability, and administrative efficiency.</t>
  </si>
  <si>
    <t>A user logs into the ERP using single sign-on credentials managed through the organization’s identity provider. Based on assigned roles and attributes, the ERP grants access only to the appropriate modules, data, and actions. As a user’s role or organizational assignment changes, access permissions are updated automatically without manual reconfiguration of individual permissions.</t>
  </si>
  <si>
    <t>Richmond McMurray / Joey Chavez</t>
  </si>
  <si>
    <t>HR - 6.0 Time, Attendance &amp; Leave</t>
  </si>
  <si>
    <t>The system will provide functionality to capture, store, and manage candidate applications and resumes in a centralized repository, enabling tracking of candidates by role, skills, and hiring status. Job postings should be automatically published to external job boards (e.g., Indeed) without manual intervention, ensuring timely visibility of open positions and reducing administrative effort.</t>
  </si>
  <si>
    <t>An HR or hiring manager creates a job requisition in the system. The position is automatically posted to configured external job boards. Candidate applications and resumes are captured and stored centrally, allowing recruiters to review candidates, track hiring progress, and identify applicants with relevant skill sets for future openings.</t>
  </si>
  <si>
    <t>HR - 2.5 Applicant Screening &amp; Assessment
HR - 2.8 Job Posting &amp; Advertising</t>
  </si>
  <si>
    <t>The system will support automated distribution of new hire information to IT and Operations teams as part of the onboarding process.</t>
  </si>
  <si>
    <t>The system will support candidate management and job posting capabilities, including centralized tracking of candidate applications and automated posting to external job boards.</t>
  </si>
  <si>
    <t>The system will automate the sharing of new hire information with IT and Operations teams to support timely provisioning of system access, equipment, and operational setup. This should replace manual forms and email notifications with system-generated workflows or notifications triggered upon hire approval or onboarding initiation.</t>
  </si>
  <si>
    <t>Once a candidate is hired and marked as a new employee in the system, the ERP automatically notifies IT and Operations teams with required new hire details. Notifications or tasks are generated to support access provisioning and operational readiness without manual email coordination.</t>
  </si>
  <si>
    <t>HR - 10.0 Employee Relations</t>
  </si>
  <si>
    <t>The system will support workforce planning with automated budgeting and forecasting capabilities tied to headcount, approved positions, and open roles.</t>
  </si>
  <si>
    <t>Workforce planning will be enabled by linking headcount, compensation, and position data with budgeting and forecasting processes. This includes planning for approved and future positions, modeling the financial impact of open roles, and aligning hiring timelines with available funding.</t>
  </si>
  <si>
    <t>FP&amp;A Manager / HR Team</t>
  </si>
  <si>
    <t>LACAHSA FP&amp;A and HR use the ERP to plan workforce needs for the upcoming fiscal year. Approved positions, current headcount, and anticipated hires are modeled in the system, with associated compensation and timing assumptions. The ERP automatically reflects the financial impact of workforce plans in budget forecasts, allowing leadership to determine when roles can be opened based on funding availability.</t>
  </si>
  <si>
    <t>HR - 1.2 Workforce Planning</t>
  </si>
  <si>
    <t>HR - 7.1 Payroll Processing</t>
  </si>
  <si>
    <t>The system will support accurate retroactive pay calculations resulting from compensation changes or corrections.</t>
  </si>
  <si>
    <t>The system will calculate retroactive pay automatically when employee compensation, time, or benefit changes are applied retroactively. Retro pay calculations should reflect correct gross pay, deductions, taxes, and net pay without requiring manual workarounds or off-system calculations.</t>
  </si>
  <si>
    <t>An employee receives a retroactive salary adjustment effective prior to the current pay period. The payroll system automatically calculates the retroactive pay owed, applies appropriate tax adjustments, and includes the amount in the next payroll run.</t>
  </si>
  <si>
    <t>The system will support compliance with California final wage payment requirements, including the ability to issue final wage payments immediately upon employee separation.</t>
  </si>
  <si>
    <t>The system complies with regulatory compliance for final wage payments, including the ability to process and issue final pay promptly upon employee termination as required under California labor regulations. This may include capabilities to generate same-day payments or alternative payment methods when immediate payment is required.</t>
  </si>
  <si>
    <t>An employee separates from LACAHSA. The payroll system calculates final wages, including accrued PTO, and enables immediate issuance of final payment in compliance with California regulations, without requiring delays tied to standard payroll cycles.</t>
  </si>
  <si>
    <t>The system will support comprehensive benefits data management, including tracking of employee and dependent changes, effective dating, and a complete audit trail that supports accurate downstream processing and accounting.</t>
  </si>
  <si>
    <t>Complete and accurate records of employee benefits information are maintained within system, including dependent details, enrollment changes, and benefit start and end dates. All changes must be tracked with a detailed audit trail, and benefits data changes should automatically and accurately flow to downstream processes without requiring manual intervention or date adjustments by HR or Finance users.</t>
  </si>
  <si>
    <t>An employee updates dependent or benefit enrollment information in the HR system. The system records the change with full audit history and applies the correct effective date. The updated benefits information automatically flows to payroll and accounting processes, ensuring benefit invoices and financial postings reflect accurate coverage and timing. Finance users can view benefit-related changes and their effective dates without manually reconciling discrepancies.</t>
  </si>
  <si>
    <t>HR - 8.0 Compensation &amp; Rewards</t>
  </si>
  <si>
    <t>Hannah Villhauer / Amanda Flores</t>
  </si>
  <si>
    <t>COO / Investments Team</t>
  </si>
  <si>
    <t>Controller / CFO</t>
  </si>
  <si>
    <t>Finance - 1.2 Supplier Onboarding</t>
  </si>
  <si>
    <t>Assistant Controller</t>
  </si>
  <si>
    <t>Asset lifecycle management capabilities that support the full lifecycle of housing assets and related infrastructure are supported within ERP system. Asset records should integrate with capital and construction projects to ensure a seamless transition from project completion to in-service asset management. The system should capture financial, operational, and compliance-related data to support oversight, reporting, and long-term asset planning.</t>
  </si>
  <si>
    <t>The system will provide a structured process for managing the Chart of Accounts to ensure compliance and alignment with GASB reporting requirements. CoA changes should be initiated through formal requests that clearly document the business need for the account. All CoA changes must be routed through automated approval workflows requiring at least two levels of review, centralized within the Finance function. The ERP should maintain visibility into all historical CoA changes to support governance, oversight, and auditability.</t>
  </si>
  <si>
    <t>A centralized time management capability is used to capture and manage employee work time and leave. Time and attendance data should integrate with payroll, reporting, and approval workflows to ensure accurate compensation, compliance, and visibility into workforce utilization.</t>
  </si>
  <si>
    <t>The system will support robust payroll processing capabilities.</t>
  </si>
  <si>
    <t xml:space="preserve">End-to-end payroll processing supported within ERP, including calculation of wages, salaries, time-based pay, benefits, taxes, and payroll adjustments. </t>
  </si>
  <si>
    <t xml:space="preserve">Payroll data, including approved time, salaries, benefits, and tax calculations, is processed within the ERP system through payroll modules/capabilities. </t>
  </si>
  <si>
    <t>Employee performance management capability used to support structured performance evaluations, including 360-degree feedback, goal assessment, and ongoing performance tracking. The system should also support performance improvement plans as needed, managed through configurable digital workflows with centralized documentation.</t>
  </si>
  <si>
    <t>Employees participate in structured performance review cycles through the ERP, including peer and upward feedback through 360-degree evaluations. Performance goals and outcomes are documented and reviewed within the platform. Where improvement is required, a performance improvement plan is initiated within the same system, with defined goals, milestones, and supporting documentation.</t>
  </si>
  <si>
    <t>A learning management capability is used for the delivery of training courses to both internal staff and external participants, with the ability to track course enrollment, completion status, and compliance requirements. The system should also support tracking of training-related costs, including purchased trainings, and route those costs through appropriate financial approval workflows.</t>
  </si>
  <si>
    <t xml:space="preserve">Employee tax and statutory compliance capabilities supported by ERP. The system can track workers’ compensation costs, post related journal entries to the general ledger, and automate required reporting and payments to workers’ compensation carriers. </t>
  </si>
  <si>
    <t>The system enables the collection and management of employee demographic and compliance-related data, including but not limited to equal employment opportunity information, veteran status, and other required attributes. The system supports configurable data fields and custom reporting capabilities to meet regulatory reporting requirements and perform internal workforce analysis. Employee data is stored securely, maintained consistently, and available for reporting and analytics without manual workarounds.</t>
  </si>
  <si>
    <t>Employee self-service capability used for employees to access HR resources, policies, and reference materials through a centralized portal. The system supports electronic distribution of required documents and tracks employee acknowledgment and completion as part of onboarding or ongoing compliance. HR has visibility into access and completion status without relying on manual follow-up.</t>
  </si>
  <si>
    <t>The system will support comprehensive travel and expense management, including configurable spending controls, approval workflows, and expense reimbursement for employees and consultants, either directly or through integration with third party system.</t>
  </si>
  <si>
    <t>Travel and expense management capabilities within ERP must be comparable to those currently supported by third-party tools (e.g., Ramp), or must be able to integrate with said third party tools. This includes capturing transaction-level expense data, enforcing spending limits and policies, supporting approvals, and enabling accurate reconciliation and reimbursement within the ERP.</t>
  </si>
  <si>
    <t>LACAHSA receives funds that must be automatically and accurately routed to the appropriate jurisdictions and eligible use category. The system should enable seamless distribution of these funds, ensuring each jurisdiction receives its designated allocation without manual intervention.</t>
  </si>
  <si>
    <t>The system will support employee time and attendance management, including tracking of time off, as well as the ability to track hours worked for hourly or temporary employees, if needed.</t>
  </si>
  <si>
    <t>Employees submit requests for time off through the system. Submitted time entries and leave requests are routed through approval workflows and, once approved, are reflected in payroll processing and workforce reports.</t>
  </si>
  <si>
    <t>HR Team / Payroll Manager</t>
  </si>
  <si>
    <t>HR Team / Technology Operations Specialist</t>
  </si>
  <si>
    <t>Procurement Officer / Controller</t>
  </si>
  <si>
    <t>The system will support secure, standardized financial reporting and disclosures to enable transparent, compliant, and audit-ready financial statements and performance reporting.</t>
  </si>
  <si>
    <t>A centralized reporting and communication capability is used to support the preparation, review, approval, and distribution of financial statements and related disclosures. The system must generate standardized, GASB-compliant financial reports with full audit trails, version control, and approval workflows.</t>
  </si>
  <si>
    <t>At period end, finance closes the books and generates standardized financial statements and disclosure schedules within the ERP. Reports are reviewed and approved through controlled workflows. Once approved, finalized financial statements are published to public-facing channels, ensuring transparent, compliant reporting supported by a complete audit trail.</t>
  </si>
  <si>
    <t>Hannah Villhauer / Richmond McMurray</t>
  </si>
  <si>
    <t>Dependency: Dependent on system integration compatiability.</t>
  </si>
  <si>
    <t>LACAHSA Workstream Requirements</t>
  </si>
  <si>
    <t>Traceability Matrices</t>
  </si>
  <si>
    <t>Components:</t>
  </si>
  <si>
    <r>
      <rPr>
        <b/>
        <i/>
        <sz val="11"/>
        <color theme="1"/>
        <rFont val="Segoe UI"/>
        <family val="2"/>
        <scheme val="minor"/>
      </rPr>
      <t>1. Repository</t>
    </r>
    <r>
      <rPr>
        <sz val="11"/>
        <color theme="1"/>
        <rFont val="Segoe UI"/>
        <family val="2"/>
        <scheme val="minor"/>
      </rPr>
      <t xml:space="preserve"> - A comprehensive repository of business requirements for the ERP system, organized by priority (Must Have, Should Have, Could Have). This tab serves as the primary reference for evaluating vendor capabilities against functional and operational needs.</t>
    </r>
  </si>
  <si>
    <r>
      <rPr>
        <b/>
        <i/>
        <sz val="11"/>
        <color theme="1"/>
        <rFont val="Segoe UI"/>
        <family val="2"/>
        <scheme val="minor"/>
      </rPr>
      <t>2. Reference</t>
    </r>
    <r>
      <rPr>
        <sz val="11"/>
        <color theme="1"/>
        <rFont val="Segoe UI"/>
        <family val="2"/>
        <scheme val="minor"/>
      </rPr>
      <t xml:space="preserve"> - A supporting guide that defines the target operating model and establishes standardized taxonomies across key domains (e.g., Finance, Treasury, HR). This tab provides context and alignment for interpreting and mapping requirements within the broader business framework.</t>
    </r>
  </si>
  <si>
    <t>The system will support core income statement budgeting and financial forecasting capabilities, or provide seamless integration with external budgeting and forecasting tools.</t>
  </si>
  <si>
    <t>Core budgeting and forecasting capabilities that enable finance users to develop, maintain, and update budgets and forecasts based on actual results. The system must support data integration, version control, and alignment with financial reporting structures, either natively or through integrated third-party solutions.</t>
  </si>
  <si>
    <t>Finance develops the annual budget within the ERP or an integrated planning tool by leveraging historical financial data and defined assumptions. As actuals are recorded, forecasts are periodically updated to reflect current performance. Data flows automatically between systems (if integrated), ensuring consistency between budgeting, forecasting, and financial reporting. Leadership reviews updated forecasts to monitor performance and adjust plans accordingly.</t>
  </si>
  <si>
    <t>Advanced planning functionality that enables users to create and analyze multiple financial scenarios using configurable assumptions and drivers. This includes the ability to evaluate the financial impact of changes in key variables and perform detailed variance and sensitivity analysis across financial statements.</t>
  </si>
  <si>
    <t>Finance users build multiple what-if scenarios to model potential changes in revenue, funding, or operating costs. The system dynamically updates forecasts based on selected assumptions, allowing users to compare scenarios side by side. Leadership leverages these insights to assess risks, evaluate strategic options, and make informed decisions based on potential financial outcomes.</t>
  </si>
  <si>
    <t>044</t>
  </si>
  <si>
    <t>2034RW9MCP1PT12F2WMA61NW27YTH9DGD2K2XY5G3DSQZHHMPB1G</t>
  </si>
  <si>
    <t>Dryden, Randall</t>
  </si>
  <si>
    <t>Create</t>
  </si>
  <si>
    <t>5e2f16f7-f84d-4a2d-af12-2a2aba362472</t>
  </si>
  <si>
    <t>{"id":"5e2f16f7-f84d-4a2d-af12-2a2aba362472","type":1,"name":"workbookId","value":"c02861ef-d730-4b00-bfc2-c855c5ccc94e"}</t>
  </si>
  <si>
    <t>f34fe47a-1bbd-46ab-b055-ed09362f17b1</t>
  </si>
  <si>
    <t>{"id":"f34fe47a-1bbd-46ab-b055-ed09362f17b1","type":0,"name":"dataSnipperSheetDeleted","value":"false"}</t>
  </si>
  <si>
    <t>5fc2b9d1-97e6-498f-8eb1-2879c7cc300c</t>
  </si>
  <si>
    <t>{"id":"5fc2b9d1-97e6-498f-8eb1-2879c7cc300c","type":0,"name":"embed-documents","value":"false"}</t>
  </si>
  <si>
    <t>8d2e0662-ec83-449d-b7fd-faafa62d365b</t>
  </si>
  <si>
    <t>{"id":"8d2e0662-ec83-449d-b7fd-faafa62d365b","type":0,"name":"table-snip-suggestions","value":"true"}</t>
  </si>
  <si>
    <t>a4e1e14d-ab04-4d32-8733-742294f39ad9</t>
  </si>
  <si>
    <t>{"id":"a4e1e14d-ab04-4d32-8733-742294f39ad9","type":1,"name":"migratedFssProjectId","value":""}</t>
  </si>
  <si>
    <t>The system will support advanced planning capabilities, including what-if modeling and scenario based financial planning.</t>
  </si>
  <si>
    <t>045</t>
  </si>
  <si>
    <t>046</t>
  </si>
  <si>
    <t>The system will support financial and programmatic reporting for grant-funded activities, including compliance monitoring and regulatory reporting aligned with public-sector requirements.</t>
  </si>
  <si>
    <t>Finance - 3.6 Compliance Reporting &amp; Reconciliation</t>
  </si>
  <si>
    <t>Vendor Ability to Support Requirement (Yes/No)</t>
  </si>
  <si>
    <t>Yes</t>
  </si>
  <si>
    <t>No</t>
  </si>
  <si>
    <t>Instructions:</t>
  </si>
  <si>
    <t>Vendor Response Detail (Please provide an explanation of the configuration, customization, the need for third party system, etc.)</t>
  </si>
  <si>
    <t>The system will provide a centralized view of all financial transactions, whether originating from integrated third-party systems or managed directly within the ERP. This includes capturing detailed payment data, ensuring transactions are traceable, reconciled, and available for reporting, audit, and operational review.</t>
  </si>
  <si>
    <t>LACAHSA views payment activity within the ERP and can see transactions initiated through third party systems or recorded directly in the ERP. Users can track amounts, dates, funding sources, and recipient details. All transactions are automatically recorded in the ERP and are available for reconciliation, reporting, and audit without requiring access to external systems.</t>
  </si>
  <si>
    <t>047</t>
  </si>
  <si>
    <t>The system will support bi-directional integration with third-party systems (e.g., BambooHR, Bill.com, Ramp, Neighborly) to ensure accurate and timely exchange of financial and operational data into and out of ERP general ledger.</t>
  </si>
  <si>
    <t>The ERP must support bi-directional integration with third-party systems (e.g., payroll, grants management, expense management, and payment platforms) to automatically translate, post, and synchronize financial and operational data to and from the general ledger.</t>
  </si>
  <si>
    <t>When transactions are completed in external systems, the relevant data is transmitted and/or uploaded to the ERP, mapped to the appropriate general ledger accounts, and posted with minimal manual intervention. Likewise, when required, financial data from the ERP general ledger is exported to third-party systems to support reporting, compliance, or operational workflows.</t>
  </si>
  <si>
    <t>[Vendors should indicate which integrations are available versus requiring configuration or custom development.]</t>
  </si>
  <si>
    <t>The system will support native functionality to perform key financial, operational, and program management processes currently supported by third-party systems (e.g., Neighborly, BambooHR, Bill.com, Ramp, and Power BI), enabling LACAHSA to reduce reliance on external applications where appropriate.</t>
  </si>
  <si>
    <t>The ERP should provide built-in capabilities to support functions currently performed in third-party systems, including grant and program management (Neighborly), human resources and payroll (BambooHR), accounts payable and disbursements (Bill.com), expense management (Ramp), &amp; reporting and analytics (Power BI).</t>
  </si>
  <si>
    <t>LACAHSA evaluates whether to consolidate systems into the ERP. Core processes such as grant management, AP, expense management, HR/payroll, and reporting are performed within the ERP where feasible, reducing reliance on external systems.</t>
  </si>
  <si>
    <t>[Vendors should indicate which capabilities are supported natively versus those requiring integration or third-party tools.]</t>
  </si>
  <si>
    <t>The system will support end-to-end grant lifecycle management, including application intake, award tracking, funding allocation, draw management, and ongoing program administration within the ERP, including the ability for external funding recipients to submit and manage requests directly within the system.</t>
  </si>
  <si>
    <t>The ERP should enable centralized management of grant programs and activities across their full lifecycle. This includes managing applications, awards, recipient data, eligibility, funding limits, and disbursements. The system should provide a recipient-facing interface or portal to allow external users (e.g., eligible jurisdictions) to submit applications, funding requests, and required documentation directly within the system.</t>
  </si>
  <si>
    <t>LACAHSA establishes and manages grant programs within the ERP. External funding recipients access the system to submit applications, funding requests, and required documentation. Applications are submitted, reviewed, and awarded. Funding is allocated, and draw requests and disbursements are processed through configured workflows. The system tracks recipient activity, funding utilization, and program status in real time through to grant closeout.</t>
  </si>
  <si>
    <t>Finance and program users generate reports within the ERP showing budget vs. actuals, funding utilization, and program performance metrics. Reports include data submitted directly by funding recipients, including funding requests, program participation, and compliance documentation.The system tracks compliance with regulatory requirements (e.g., Measure A, SB679), flags exceptions, and produces audit-ready reports for internal and external stakeholders.</t>
  </si>
  <si>
    <t>The system will provide visibility into all payment transactions processed through third-party platforms (e.g., Neighborly), including amounts, timing, and status, and/or process the payment within the ERP.</t>
  </si>
  <si>
    <t>A centralized compliance management capability enables LACAHSA to define, monitor, and enforce regulatory and funding requirements associated with grants and public-sector programs across financial and program activities. This includes tracking funding sources, eligibility rules, reporting obligations, and statutory requirements such as Measure A and SB679.</t>
  </si>
  <si>
    <t>The system will support centralized grants and regulatory compliance management aligned with public-sector requirements, including monitoring, reporting, and other obligations as well as enforcement of funding and statutory obligations (e.g., Measure A, SB679).</t>
  </si>
  <si>
    <t>Payment approval workflows are used for grant-related transactions that align with decentralized programmatic approvals and centralized financial controls. While budget approvals and draw requests may occur in external grant management systems (e.g., Neighborly), the ERP must govern payment approvals through configurable workflows based on grant attributes, funding source, and approval authority.</t>
  </si>
  <si>
    <t>Grant-related payments are initiated in the ERP following approved budgets and draw requests from Neighborly. The ERP routes payment approvals through predefined workflows involving program and finance approvers. Once approved, payments are released and recorded in the ERP with full auditability.</t>
  </si>
  <si>
    <t>[Vendors should indicate if recipient-facing grants management can be supported]</t>
  </si>
  <si>
    <t>The ERP should provide robust reporting capabilities to support oversight of grant programs, including financial performance, funding utilization, and compliance with regulatory requirements. Reporting should include visibility into recipient-submitted data, programmatic &amp; financial reporting, funding requests, and program participation. Reports should support both internal management needs and external reporting obligations.</t>
  </si>
  <si>
    <r>
      <t xml:space="preserve">Vendors are required to complete the “Repository” tab of this workbook by providing responses to each business requirement.
For each requirement, vendors must complete the following:
</t>
    </r>
    <r>
      <rPr>
        <b/>
        <i/>
        <sz val="11"/>
        <color theme="1"/>
        <rFont val="Segoe UI"/>
        <family val="2"/>
        <scheme val="minor"/>
      </rPr>
      <t>Column L - Vendor Ability to Support Requirement (Yes/No):</t>
    </r>
    <r>
      <rPr>
        <sz val="11"/>
        <color theme="1"/>
        <rFont val="Segoe UI"/>
        <family val="2"/>
        <scheme val="minor"/>
      </rPr>
      <t xml:space="preserve"> Indicate whether the proposed solution supports the business requirement.
</t>
    </r>
    <r>
      <rPr>
        <b/>
        <i/>
        <sz val="11"/>
        <color theme="1"/>
        <rFont val="Segoe UI"/>
        <family val="2"/>
        <scheme val="minor"/>
      </rPr>
      <t>Column M - Vendor Response Detail:</t>
    </r>
    <r>
      <rPr>
        <sz val="11"/>
        <color theme="1"/>
        <rFont val="Segoe UI"/>
        <family val="2"/>
        <scheme val="minor"/>
      </rPr>
      <t xml:space="preserve"> Please provide additional detail based on the response to Column L to give an explanation of the configuration, customization, need for a third-party system, or ERP limitation
Vendors should ensure responses are accurate and aligned with the proposed solution, as responses may be validated during demonstration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1" x14ac:knownFonts="1">
    <font>
      <sz val="11"/>
      <color theme="1"/>
      <name val="Segoe UI"/>
      <family val="2"/>
      <scheme val="minor"/>
    </font>
    <font>
      <b/>
      <sz val="11"/>
      <color theme="0"/>
      <name val="Segoe UI"/>
      <family val="2"/>
      <scheme val="minor"/>
    </font>
    <font>
      <b/>
      <sz val="11"/>
      <color theme="1"/>
      <name val="Segoe UI"/>
      <family val="2"/>
      <scheme val="minor"/>
    </font>
    <font>
      <i/>
      <sz val="9"/>
      <color theme="0"/>
      <name val="Segoe UI"/>
      <family val="2"/>
      <scheme val="minor"/>
    </font>
    <font>
      <u/>
      <sz val="11"/>
      <color theme="10"/>
      <name val="Segoe UI"/>
      <family val="2"/>
      <scheme val="minor"/>
    </font>
    <font>
      <b/>
      <sz val="11"/>
      <color rgb="FFFFFFFF"/>
      <name val="Segoe UI"/>
      <family val="2"/>
      <scheme val="minor"/>
    </font>
    <font>
      <i/>
      <sz val="9"/>
      <color rgb="FFFFFFFF"/>
      <name val="Segoe UI"/>
      <family val="2"/>
      <scheme val="minor"/>
    </font>
    <font>
      <sz val="8"/>
      <name val="Segoe UI"/>
      <family val="2"/>
      <scheme val="minor"/>
    </font>
    <font>
      <b/>
      <sz val="10"/>
      <color theme="1"/>
      <name val="Segoe UI"/>
      <family val="2"/>
      <scheme val="minor"/>
    </font>
    <font>
      <b/>
      <i/>
      <sz val="11"/>
      <color theme="1"/>
      <name val="Segoe UI"/>
      <family val="2"/>
      <scheme val="minor"/>
    </font>
    <font>
      <sz val="11"/>
      <name val="Segoe UI"/>
      <family val="2"/>
      <scheme val="minor"/>
    </font>
  </fonts>
  <fills count="4">
    <fill>
      <patternFill patternType="none"/>
    </fill>
    <fill>
      <patternFill patternType="gray125"/>
    </fill>
    <fill>
      <patternFill patternType="solid">
        <fgColor theme="3"/>
        <bgColor indexed="64"/>
      </patternFill>
    </fill>
    <fill>
      <patternFill patternType="solid">
        <fgColor theme="6"/>
        <bgColor indexed="64"/>
      </patternFill>
    </fill>
  </fills>
  <borders count="3">
    <border>
      <left/>
      <right/>
      <top/>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style="thin">
        <color indexed="64"/>
      </top>
      <bottom/>
      <diagonal/>
    </border>
  </borders>
  <cellStyleXfs count="2">
    <xf numFmtId="0" fontId="0" fillId="0" borderId="0"/>
    <xf numFmtId="0" fontId="4" fillId="0" borderId="0" applyNumberFormat="0" applyFill="0" applyBorder="0" applyAlignment="0" applyProtection="0"/>
  </cellStyleXfs>
  <cellXfs count="30">
    <xf numFmtId="0" fontId="0" fillId="0" borderId="0" xfId="0"/>
    <xf numFmtId="0" fontId="4" fillId="0" borderId="0" xfId="1"/>
    <xf numFmtId="0" fontId="0" fillId="0" borderId="1" xfId="0" applyBorder="1" applyAlignment="1">
      <alignment vertical="center" wrapText="1"/>
    </xf>
    <xf numFmtId="0" fontId="2" fillId="0" borderId="0" xfId="0" applyFont="1"/>
    <xf numFmtId="0" fontId="0" fillId="0" borderId="0" xfId="0" applyAlignment="1">
      <alignment vertical="center"/>
    </xf>
    <xf numFmtId="0" fontId="0" fillId="0" borderId="0" xfId="0" applyAlignment="1">
      <alignment vertical="center" wrapText="1"/>
    </xf>
    <xf numFmtId="0" fontId="1" fillId="2" borderId="1" xfId="0" applyFont="1" applyFill="1" applyBorder="1" applyAlignment="1">
      <alignment horizontal="center" vertical="center"/>
    </xf>
    <xf numFmtId="0" fontId="1" fillId="2" borderId="1" xfId="0" applyFont="1" applyFill="1" applyBorder="1" applyAlignment="1">
      <alignment horizontal="center" vertical="center" wrapText="1"/>
    </xf>
    <xf numFmtId="0" fontId="5" fillId="2" borderId="1" xfId="0" applyFont="1" applyFill="1" applyBorder="1" applyAlignment="1">
      <alignment horizontal="center" vertical="center" wrapText="1"/>
    </xf>
    <xf numFmtId="0" fontId="0" fillId="0" borderId="0" xfId="0" applyAlignment="1">
      <alignment horizontal="center" vertical="center" wrapText="1"/>
    </xf>
    <xf numFmtId="49" fontId="0" fillId="0" borderId="0" xfId="0" applyNumberFormat="1" applyAlignment="1">
      <alignment horizontal="center" vertical="center" wrapText="1"/>
    </xf>
    <xf numFmtId="0" fontId="8" fillId="0" borderId="0" xfId="0" applyFont="1"/>
    <xf numFmtId="0" fontId="2" fillId="0" borderId="0" xfId="0" applyFont="1" applyAlignment="1">
      <alignment horizontal="left" vertical="center"/>
    </xf>
    <xf numFmtId="0" fontId="10" fillId="0" borderId="1" xfId="0" applyFont="1" applyBorder="1" applyAlignment="1">
      <alignment vertical="center" wrapText="1"/>
    </xf>
    <xf numFmtId="0" fontId="10" fillId="0" borderId="1" xfId="0" applyFont="1" applyBorder="1" applyAlignment="1">
      <alignment horizontal="left" vertical="center" wrapText="1"/>
    </xf>
    <xf numFmtId="0" fontId="10" fillId="0" borderId="1" xfId="0" applyFont="1" applyBorder="1" applyAlignment="1">
      <alignment horizontal="left" vertical="center"/>
    </xf>
    <xf numFmtId="0" fontId="10" fillId="0" borderId="1" xfId="0" applyFont="1" applyBorder="1" applyAlignment="1">
      <alignment vertical="center"/>
    </xf>
    <xf numFmtId="0" fontId="1" fillId="3" borderId="1" xfId="0" applyFont="1" applyFill="1" applyBorder="1" applyAlignment="1">
      <alignment horizontal="center" vertical="center" wrapText="1"/>
    </xf>
    <xf numFmtId="0" fontId="0" fillId="0" borderId="0" xfId="0" applyAlignment="1">
      <alignment horizontal="left" vertical="center"/>
    </xf>
    <xf numFmtId="0" fontId="2" fillId="0" borderId="0" xfId="0" applyFont="1" applyAlignment="1">
      <alignment vertical="center"/>
    </xf>
    <xf numFmtId="0" fontId="1" fillId="3" borderId="1" xfId="0" applyFont="1" applyFill="1" applyBorder="1" applyAlignment="1">
      <alignment vertical="center" wrapText="1"/>
    </xf>
    <xf numFmtId="0" fontId="1" fillId="3" borderId="1" xfId="0" applyFont="1" applyFill="1" applyBorder="1"/>
    <xf numFmtId="0" fontId="10" fillId="0" borderId="1" xfId="0" applyFont="1" applyBorder="1" applyAlignment="1">
      <alignment horizontal="center" vertical="center"/>
    </xf>
    <xf numFmtId="0" fontId="10" fillId="0" borderId="0" xfId="0" applyFont="1" applyAlignment="1">
      <alignment vertical="center" wrapText="1"/>
    </xf>
    <xf numFmtId="0" fontId="10" fillId="0" borderId="1" xfId="0" applyFont="1" applyBorder="1" applyAlignment="1">
      <alignment horizontal="center" vertical="center" wrapText="1"/>
    </xf>
    <xf numFmtId="0" fontId="10" fillId="0" borderId="2" xfId="0" applyFont="1" applyBorder="1" applyAlignment="1">
      <alignment vertical="center" wrapText="1"/>
    </xf>
    <xf numFmtId="0" fontId="10" fillId="0" borderId="2" xfId="0" applyFont="1" applyBorder="1" applyAlignment="1">
      <alignment horizontal="left" vertical="center"/>
    </xf>
    <xf numFmtId="49" fontId="10" fillId="0" borderId="1" xfId="0" applyNumberFormat="1" applyFont="1" applyBorder="1" applyAlignment="1">
      <alignment vertical="center"/>
    </xf>
    <xf numFmtId="49" fontId="10" fillId="0" borderId="2" xfId="0" applyNumberFormat="1" applyFont="1" applyBorder="1" applyAlignment="1">
      <alignment vertical="center"/>
    </xf>
    <xf numFmtId="0" fontId="2" fillId="0" borderId="0" xfId="0" applyFont="1" applyAlignment="1">
      <alignment horizontal="left" vertical="center"/>
    </xf>
  </cellXfs>
  <cellStyles count="2">
    <cellStyle name="Hyperlink" xfId="1" builtinId="8"/>
    <cellStyle name="Normal" xfId="0" builtinId="0"/>
  </cellStyles>
  <dxfs count="0"/>
  <tableStyles count="0" defaultTableStyle="TableStyleMedium2" defaultPivotStyle="PivotStyleLight16"/>
  <colors>
    <mruColors>
      <color rgb="FFFFFFF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customXml" Target="../customXml/item2.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customXml" Target="../customXml/item1.xml"/><Relationship Id="rId17" Type="http://schemas.openxmlformats.org/officeDocument/2006/relationships/customXml" Target="../customXml/item6.xml"/><Relationship Id="rId2" Type="http://schemas.openxmlformats.org/officeDocument/2006/relationships/worksheet" Target="worksheets/sheet2.xml"/><Relationship Id="rId16" Type="http://schemas.openxmlformats.org/officeDocument/2006/relationships/customXml" Target="../customXml/item5.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haredStrings" Target="sharedStrings.xml"/><Relationship Id="rId5" Type="http://schemas.openxmlformats.org/officeDocument/2006/relationships/worksheet" Target="worksheets/sheet5.xml"/><Relationship Id="rId15" Type="http://schemas.openxmlformats.org/officeDocument/2006/relationships/customXml" Target="../customXml/item4.xml"/><Relationship Id="rId10" Type="http://schemas.openxmlformats.org/officeDocument/2006/relationships/styles" Target="styles.xml"/><Relationship Id="rId4" Type="http://schemas.openxmlformats.org/officeDocument/2006/relationships/worksheet" Target="worksheets/sheet4.xml"/><Relationship Id="rId9" Type="http://schemas.openxmlformats.org/officeDocument/2006/relationships/theme" Target="theme/theme1.xml"/><Relationship Id="rId14" Type="http://schemas.openxmlformats.org/officeDocument/2006/relationships/customXml" Target="../customXml/item3.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1" Type="http://schemas.openxmlformats.org/officeDocument/2006/relationships/image" Target="../media/image2.png"/></Relationships>
</file>

<file path=xl/drawings/_rels/drawing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image" Target="../media/image3.png"/><Relationship Id="rId4" Type="http://schemas.openxmlformats.org/officeDocument/2006/relationships/image" Target="../media/image6.png"/></Relationships>
</file>

<file path=xl/drawings/drawing1.xml><?xml version="1.0" encoding="utf-8"?>
<xdr:wsDr xmlns:xdr="http://schemas.openxmlformats.org/drawingml/2006/spreadsheetDrawing" xmlns:a="http://schemas.openxmlformats.org/drawingml/2006/main">
  <xdr:twoCellAnchor editAs="oneCell">
    <xdr:from>
      <xdr:col>1</xdr:col>
      <xdr:colOff>0</xdr:colOff>
      <xdr:row>0</xdr:row>
      <xdr:rowOff>84407</xdr:rowOff>
    </xdr:from>
    <xdr:to>
      <xdr:col>1</xdr:col>
      <xdr:colOff>1506855</xdr:colOff>
      <xdr:row>3</xdr:row>
      <xdr:rowOff>53812</xdr:rowOff>
    </xdr:to>
    <xdr:pic>
      <xdr:nvPicPr>
        <xdr:cNvPr id="7" name="Picture 6">
          <a:extLst>
            <a:ext uri="{FF2B5EF4-FFF2-40B4-BE49-F238E27FC236}">
              <a16:creationId xmlns:a16="http://schemas.microsoft.com/office/drawing/2014/main" id="{61B7C900-D7F4-492F-A0D5-3FA3B2A8D645}"/>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696058" y="84407"/>
          <a:ext cx="1506855" cy="595417"/>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1</xdr:col>
      <xdr:colOff>0</xdr:colOff>
      <xdr:row>1</xdr:row>
      <xdr:rowOff>0</xdr:rowOff>
    </xdr:from>
    <xdr:to>
      <xdr:col>2</xdr:col>
      <xdr:colOff>753110</xdr:colOff>
      <xdr:row>3</xdr:row>
      <xdr:rowOff>182032</xdr:rowOff>
    </xdr:to>
    <xdr:pic>
      <xdr:nvPicPr>
        <xdr:cNvPr id="4" name="Picture 3">
          <a:extLst>
            <a:ext uri="{FF2B5EF4-FFF2-40B4-BE49-F238E27FC236}">
              <a16:creationId xmlns:a16="http://schemas.microsoft.com/office/drawing/2014/main" id="{048F9314-85C1-0494-BE32-0F57A99165CA}"/>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257175" y="114300"/>
          <a:ext cx="1514475" cy="585892"/>
        </a:xfrm>
        <a:prstGeom prst="rect">
          <a:avLst/>
        </a:prstGeom>
      </xdr:spPr>
    </xdr:pic>
    <xdr:clientData/>
  </xdr:twoCellAnchor>
</xdr:wsDr>
</file>

<file path=xl/drawings/drawing3.xml><?xml version="1.0" encoding="utf-8"?>
<xdr:wsDr xmlns:xdr="http://schemas.openxmlformats.org/drawingml/2006/spreadsheetDrawing" xmlns:a="http://schemas.openxmlformats.org/drawingml/2006/main">
  <xdr:twoCellAnchor editAs="oneCell">
    <xdr:from>
      <xdr:col>0</xdr:col>
      <xdr:colOff>31506</xdr:colOff>
      <xdr:row>1</xdr:row>
      <xdr:rowOff>28624</xdr:rowOff>
    </xdr:from>
    <xdr:to>
      <xdr:col>3</xdr:col>
      <xdr:colOff>558165</xdr:colOff>
      <xdr:row>18</xdr:row>
      <xdr:rowOff>182509</xdr:rowOff>
    </xdr:to>
    <xdr:pic>
      <xdr:nvPicPr>
        <xdr:cNvPr id="2" name="Picture 1">
          <a:extLst>
            <a:ext uri="{FF2B5EF4-FFF2-40B4-BE49-F238E27FC236}">
              <a16:creationId xmlns:a16="http://schemas.microsoft.com/office/drawing/2014/main" id="{89F1B6CC-4AF2-4448-B34D-05853F773981}"/>
            </a:ext>
          </a:extLst>
        </xdr:cNvPr>
        <xdr:cNvPicPr>
          <a:picLocks noChangeAspect="1"/>
        </xdr:cNvPicPr>
      </xdr:nvPicPr>
      <xdr:blipFill>
        <a:blip xmlns:r="http://schemas.openxmlformats.org/officeDocument/2006/relationships" r:embed="rId1"/>
        <a:stretch>
          <a:fillRect/>
        </a:stretch>
      </xdr:blipFill>
      <xdr:spPr>
        <a:xfrm>
          <a:off x="31506" y="238174"/>
          <a:ext cx="4250934" cy="3716235"/>
        </a:xfrm>
        <a:prstGeom prst="rect">
          <a:avLst/>
        </a:prstGeom>
      </xdr:spPr>
    </xdr:pic>
    <xdr:clientData/>
  </xdr:twoCellAnchor>
  <xdr:twoCellAnchor editAs="oneCell">
    <xdr:from>
      <xdr:col>7</xdr:col>
      <xdr:colOff>11430</xdr:colOff>
      <xdr:row>1</xdr:row>
      <xdr:rowOff>20955</xdr:rowOff>
    </xdr:from>
    <xdr:to>
      <xdr:col>17</xdr:col>
      <xdr:colOff>73001</xdr:colOff>
      <xdr:row>17</xdr:row>
      <xdr:rowOff>97523</xdr:rowOff>
    </xdr:to>
    <xdr:pic>
      <xdr:nvPicPr>
        <xdr:cNvPr id="4" name="Picture 3">
          <a:extLst>
            <a:ext uri="{FF2B5EF4-FFF2-40B4-BE49-F238E27FC236}">
              <a16:creationId xmlns:a16="http://schemas.microsoft.com/office/drawing/2014/main" id="{2C7DDBA8-AEB6-6823-1ADF-A17E3E1750DD}"/>
            </a:ext>
          </a:extLst>
        </xdr:cNvPr>
        <xdr:cNvPicPr>
          <a:picLocks noChangeAspect="1"/>
        </xdr:cNvPicPr>
      </xdr:nvPicPr>
      <xdr:blipFill>
        <a:blip xmlns:r="http://schemas.openxmlformats.org/officeDocument/2006/relationships" r:embed="rId2"/>
        <a:stretch>
          <a:fillRect/>
        </a:stretch>
      </xdr:blipFill>
      <xdr:spPr>
        <a:xfrm>
          <a:off x="6402705" y="230505"/>
          <a:ext cx="6814796" cy="3429368"/>
        </a:xfrm>
        <a:prstGeom prst="rect">
          <a:avLst/>
        </a:prstGeom>
      </xdr:spPr>
    </xdr:pic>
    <xdr:clientData/>
  </xdr:twoCellAnchor>
  <xdr:twoCellAnchor editAs="oneCell">
    <xdr:from>
      <xdr:col>7</xdr:col>
      <xdr:colOff>18815</xdr:colOff>
      <xdr:row>18</xdr:row>
      <xdr:rowOff>90805</xdr:rowOff>
    </xdr:from>
    <xdr:to>
      <xdr:col>17</xdr:col>
      <xdr:colOff>76199</xdr:colOff>
      <xdr:row>34</xdr:row>
      <xdr:rowOff>158688</xdr:rowOff>
    </xdr:to>
    <xdr:pic>
      <xdr:nvPicPr>
        <xdr:cNvPr id="5" name="Picture 4">
          <a:extLst>
            <a:ext uri="{FF2B5EF4-FFF2-40B4-BE49-F238E27FC236}">
              <a16:creationId xmlns:a16="http://schemas.microsoft.com/office/drawing/2014/main" id="{AFA601E3-B2DA-4D75-5DDE-38DF283D341C}"/>
            </a:ext>
          </a:extLst>
        </xdr:cNvPr>
        <xdr:cNvPicPr>
          <a:picLocks noChangeAspect="1"/>
        </xdr:cNvPicPr>
      </xdr:nvPicPr>
      <xdr:blipFill>
        <a:blip xmlns:r="http://schemas.openxmlformats.org/officeDocument/2006/relationships" r:embed="rId3"/>
        <a:stretch>
          <a:fillRect/>
        </a:stretch>
      </xdr:blipFill>
      <xdr:spPr>
        <a:xfrm>
          <a:off x="6411148" y="3900805"/>
          <a:ext cx="6809551" cy="3454550"/>
        </a:xfrm>
        <a:prstGeom prst="rect">
          <a:avLst/>
        </a:prstGeom>
      </xdr:spPr>
    </xdr:pic>
    <xdr:clientData/>
  </xdr:twoCellAnchor>
  <xdr:twoCellAnchor editAs="oneCell">
    <xdr:from>
      <xdr:col>7</xdr:col>
      <xdr:colOff>21432</xdr:colOff>
      <xdr:row>35</xdr:row>
      <xdr:rowOff>77963</xdr:rowOff>
    </xdr:from>
    <xdr:to>
      <xdr:col>17</xdr:col>
      <xdr:colOff>207714</xdr:colOff>
      <xdr:row>52</xdr:row>
      <xdr:rowOff>24482</xdr:rowOff>
    </xdr:to>
    <xdr:pic>
      <xdr:nvPicPr>
        <xdr:cNvPr id="6" name="Picture 5">
          <a:extLst>
            <a:ext uri="{FF2B5EF4-FFF2-40B4-BE49-F238E27FC236}">
              <a16:creationId xmlns:a16="http://schemas.microsoft.com/office/drawing/2014/main" id="{4BDE82D6-CB56-A8FC-B0CD-28E57EFAEB8F}"/>
            </a:ext>
          </a:extLst>
        </xdr:cNvPr>
        <xdr:cNvPicPr>
          <a:picLocks noChangeAspect="1"/>
        </xdr:cNvPicPr>
      </xdr:nvPicPr>
      <xdr:blipFill>
        <a:blip xmlns:r="http://schemas.openxmlformats.org/officeDocument/2006/relationships" r:embed="rId4"/>
        <a:stretch>
          <a:fillRect/>
        </a:stretch>
      </xdr:blipFill>
      <xdr:spPr>
        <a:xfrm>
          <a:off x="6519599" y="7486296"/>
          <a:ext cx="7100726" cy="3544853"/>
        </a:xfrm>
        <a:prstGeom prst="rect">
          <a:avLst/>
        </a:prstGeom>
      </xdr:spPr>
    </xdr:pic>
    <xdr:clientData/>
  </xdr:twoCellAnchor>
</xdr:wsDr>
</file>

<file path=xl/theme/theme1.xml><?xml version="1.0" encoding="utf-8"?>
<a:theme xmlns:a="http://schemas.openxmlformats.org/drawingml/2006/main" name="Office Theme">
  <a:themeElements>
    <a:clrScheme name="EisnerAmper">
      <a:dk1>
        <a:sysClr val="windowText" lastClr="000000"/>
      </a:dk1>
      <a:lt1>
        <a:srgbClr val="FFFFFF"/>
      </a:lt1>
      <a:dk2>
        <a:srgbClr val="000000"/>
      </a:dk2>
      <a:lt2>
        <a:srgbClr val="E4D7BF"/>
      </a:lt2>
      <a:accent1>
        <a:srgbClr val="BD9B60"/>
      </a:accent1>
      <a:accent2>
        <a:srgbClr val="68D2DF"/>
      </a:accent2>
      <a:accent3>
        <a:srgbClr val="003057"/>
      </a:accent3>
      <a:accent4>
        <a:srgbClr val="F8485E"/>
      </a:accent4>
      <a:accent5>
        <a:srgbClr val="7F2629"/>
      </a:accent5>
      <a:accent6>
        <a:srgbClr val="115E67"/>
      </a:accent6>
      <a:hlink>
        <a:srgbClr val="BD9B60"/>
      </a:hlink>
      <a:folHlink>
        <a:srgbClr val="FFFFFF"/>
      </a:folHlink>
    </a:clrScheme>
    <a:fontScheme name="Custom 1">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customProperty" Target="../customProperty1.bin"/></Relationships>
</file>

<file path=xl/worksheets/_rels/sheet2.xml.rels><?xml version="1.0" encoding="UTF-8" standalone="yes"?>
<Relationships xmlns="http://schemas.openxmlformats.org/package/2006/relationships"><Relationship Id="rId1" Type="http://schemas.openxmlformats.org/officeDocument/2006/relationships/customProperty" Target="../customProperty2.bin"/></Relationships>
</file>

<file path=xl/worksheets/_rels/sheet3.xml.rels><?xml version="1.0" encoding="UTF-8" standalone="yes"?>
<Relationships xmlns="http://schemas.openxmlformats.org/package/2006/relationships"><Relationship Id="rId1" Type="http://schemas.openxmlformats.org/officeDocument/2006/relationships/customProperty" Target="../customProperty3.bin"/></Relationships>
</file>

<file path=xl/worksheets/_rels/sheet4.xml.rels><?xml version="1.0" encoding="UTF-8" standalone="yes"?>
<Relationships xmlns="http://schemas.openxmlformats.org/package/2006/relationships"><Relationship Id="rId1" Type="http://schemas.openxmlformats.org/officeDocument/2006/relationships/customProperty" Target="../customProperty4.bin"/></Relationships>
</file>

<file path=xl/worksheets/_rels/sheet5.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customProperty" Target="../customProperty5.bin"/></Relationships>
</file>

<file path=xl/worksheets/_rels/sheet6.xml.rels><?xml version="1.0" encoding="UTF-8" standalone="yes"?>
<Relationships xmlns="http://schemas.openxmlformats.org/package/2006/relationships"><Relationship Id="rId3" Type="http://schemas.openxmlformats.org/officeDocument/2006/relationships/drawing" Target="../drawings/drawing2.xml"/><Relationship Id="rId2" Type="http://schemas.openxmlformats.org/officeDocument/2006/relationships/customProperty" Target="../customProperty6.bin"/><Relationship Id="rId1" Type="http://schemas.openxmlformats.org/officeDocument/2006/relationships/printerSettings" Target="../printerSettings/printerSettings1.bin"/></Relationships>
</file>

<file path=xl/worksheets/_rels/sheet7.xml.rels><?xml version="1.0" encoding="UTF-8" standalone="yes"?>
<Relationships xmlns="http://schemas.openxmlformats.org/package/2006/relationships"><Relationship Id="rId2" Type="http://schemas.openxmlformats.org/officeDocument/2006/relationships/drawing" Target="../drawings/drawing3.xml"/><Relationship Id="rId1" Type="http://schemas.openxmlformats.org/officeDocument/2006/relationships/customProperty" Target="../customProperty7.bin"/></Relationships>
</file>

<file path=xl/worksheets/_rels/sheet8.xml.rels><?xml version="1.0" encoding="UTF-8" standalone="yes"?>
<Relationships xmlns="http://schemas.openxmlformats.org/package/2006/relationships"><Relationship Id="rId1" Type="http://schemas.openxmlformats.org/officeDocument/2006/relationships/customProperty" Target="../customProperty8.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003D51-3550-4341-8643-DD3D11FF7DA5}">
  <dimension ref="A1:D6"/>
  <sheetViews>
    <sheetView workbookViewId="0"/>
  </sheetViews>
  <sheetFormatPr defaultRowHeight="16.5" x14ac:dyDescent="0.3"/>
  <cols>
    <col min="1" max="1" width="12.125" bestFit="1" customWidth="1"/>
    <col min="4" max="4" width="8.875" bestFit="1" customWidth="1"/>
  </cols>
  <sheetData>
    <row r="1" spans="1:4" x14ac:dyDescent="0.3">
      <c r="A1">
        <v>1775764488368</v>
      </c>
      <c r="B1" t="s">
        <v>266</v>
      </c>
      <c r="C1" t="s">
        <v>267</v>
      </c>
      <c r="D1">
        <v>5</v>
      </c>
    </row>
    <row r="2" spans="1:4" x14ac:dyDescent="0.3">
      <c r="A2">
        <v>1775764488539</v>
      </c>
      <c r="B2" t="s">
        <v>268</v>
      </c>
      <c r="C2" t="s">
        <v>269</v>
      </c>
      <c r="D2" t="s">
        <v>270</v>
      </c>
    </row>
    <row r="3" spans="1:4" x14ac:dyDescent="0.3">
      <c r="A3">
        <v>1775764488542</v>
      </c>
      <c r="B3" t="s">
        <v>268</v>
      </c>
      <c r="C3" t="s">
        <v>271</v>
      </c>
      <c r="D3" t="s">
        <v>272</v>
      </c>
    </row>
    <row r="4" spans="1:4" x14ac:dyDescent="0.3">
      <c r="A4">
        <v>1775764488542</v>
      </c>
      <c r="B4" t="s">
        <v>268</v>
      </c>
      <c r="C4" t="s">
        <v>273</v>
      </c>
      <c r="D4" t="s">
        <v>274</v>
      </c>
    </row>
    <row r="5" spans="1:4" x14ac:dyDescent="0.3">
      <c r="A5">
        <v>1775764488542</v>
      </c>
      <c r="B5" t="s">
        <v>268</v>
      </c>
      <c r="C5" t="s">
        <v>275</v>
      </c>
      <c r="D5" t="s">
        <v>276</v>
      </c>
    </row>
    <row r="6" spans="1:4" x14ac:dyDescent="0.3">
      <c r="A6">
        <v>1775764488542</v>
      </c>
      <c r="B6" t="s">
        <v>268</v>
      </c>
      <c r="C6" t="s">
        <v>277</v>
      </c>
      <c r="D6" t="s">
        <v>278</v>
      </c>
    </row>
  </sheetData>
  <pageMargins left="0.7" right="0.7" top="0.75" bottom="0.75" header="0.3" footer="0.3"/>
  <customProperties>
    <customPr name="OrphanNamesChecked" r:id="rId1"/>
  </customProperties>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69AA7E8-C1A9-41E5-A351-0B07FEC6E147}">
  <dimension ref="A1:D1"/>
  <sheetViews>
    <sheetView workbookViewId="0"/>
  </sheetViews>
  <sheetFormatPr defaultRowHeight="16.5" x14ac:dyDescent="0.3"/>
  <cols>
    <col min="1" max="1" width="12.125" bestFit="1" customWidth="1"/>
    <col min="4" max="4" width="8.875" bestFit="1" customWidth="1"/>
  </cols>
  <sheetData>
    <row r="1" spans="1:4" x14ac:dyDescent="0.3">
      <c r="A1">
        <v>1775764488424</v>
      </c>
      <c r="B1" t="s">
        <v>266</v>
      </c>
      <c r="C1" t="s">
        <v>267</v>
      </c>
      <c r="D1">
        <v>0</v>
      </c>
    </row>
  </sheetData>
  <pageMargins left="0.7" right="0.7" top="0.75" bottom="0.75" header="0.3" footer="0.3"/>
  <customProperties>
    <customPr name="OrphanNamesChecked" r:id="rId1"/>
  </customProperties>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3A0E6CE-BA3E-482A-AAEA-D966D0AEFE50}">
  <dimension ref="A1:D1"/>
  <sheetViews>
    <sheetView workbookViewId="0"/>
  </sheetViews>
  <sheetFormatPr defaultRowHeight="16.5" x14ac:dyDescent="0.3"/>
  <cols>
    <col min="1" max="1" width="12.125" bestFit="1" customWidth="1"/>
    <col min="4" max="4" width="8.875" bestFit="1" customWidth="1"/>
  </cols>
  <sheetData>
    <row r="1" spans="1:4" x14ac:dyDescent="0.3">
      <c r="A1">
        <v>1775764488485</v>
      </c>
      <c r="B1" t="s">
        <v>266</v>
      </c>
      <c r="C1" t="s">
        <v>267</v>
      </c>
      <c r="D1">
        <v>0</v>
      </c>
    </row>
  </sheetData>
  <pageMargins left="0.7" right="0.7" top="0.75" bottom="0.75" header="0.3" footer="0.3"/>
  <customProperties>
    <customPr name="OrphanNamesChecked" r:id="rId1"/>
  </customProperties>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D85F1AB-A494-4A41-816D-7A6E39C3DE52}">
  <dimension ref="A1:D1"/>
  <sheetViews>
    <sheetView workbookViewId="0"/>
  </sheetViews>
  <sheetFormatPr defaultRowHeight="16.5" x14ac:dyDescent="0.3"/>
  <cols>
    <col min="1" max="1" width="12.125" bestFit="1" customWidth="1"/>
    <col min="4" max="4" width="8.875" bestFit="1" customWidth="1"/>
  </cols>
  <sheetData>
    <row r="1" spans="1:4" x14ac:dyDescent="0.3">
      <c r="A1">
        <v>1775764488534</v>
      </c>
      <c r="B1" t="s">
        <v>266</v>
      </c>
      <c r="C1" t="s">
        <v>267</v>
      </c>
      <c r="D1">
        <v>0</v>
      </c>
    </row>
  </sheetData>
  <pageMargins left="0.7" right="0.7" top="0.75" bottom="0.75" header="0.3" footer="0.3"/>
  <customProperties>
    <customPr name="OrphanNamesChecked" r:id="rId1"/>
  </customProperties>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9E8A9A4-8E6A-4CD2-A36F-87066B99D2C3}">
  <sheetPr>
    <pageSetUpPr autoPageBreaks="0"/>
  </sheetPr>
  <dimension ref="A1:H13"/>
  <sheetViews>
    <sheetView showGridLines="0" tabSelected="1" topLeftCell="A7" zoomScaleNormal="100" workbookViewId="0">
      <selection activeCell="G13" sqref="G13"/>
    </sheetView>
  </sheetViews>
  <sheetFormatPr defaultRowHeight="16.5" x14ac:dyDescent="0.3"/>
  <cols>
    <col min="1" max="1" width="3.5" customWidth="1"/>
    <col min="2" max="2" width="63.125" customWidth="1"/>
    <col min="3" max="3" width="8.625" customWidth="1"/>
    <col min="8" max="8" width="9.875" bestFit="1" customWidth="1"/>
  </cols>
  <sheetData>
    <row r="1" spans="1:8" x14ac:dyDescent="0.3">
      <c r="A1" s="3"/>
      <c r="H1" s="3"/>
    </row>
    <row r="2" spans="1:8" x14ac:dyDescent="0.3">
      <c r="H2" s="1"/>
    </row>
    <row r="5" spans="1:8" x14ac:dyDescent="0.3">
      <c r="B5" s="3" t="s">
        <v>255</v>
      </c>
    </row>
    <row r="6" spans="1:8" x14ac:dyDescent="0.3">
      <c r="B6" s="11" t="s">
        <v>256</v>
      </c>
    </row>
    <row r="8" spans="1:8" x14ac:dyDescent="0.3">
      <c r="B8" s="21" t="s">
        <v>257</v>
      </c>
    </row>
    <row r="9" spans="1:8" ht="66" x14ac:dyDescent="0.3">
      <c r="B9" s="2" t="s">
        <v>258</v>
      </c>
    </row>
    <row r="10" spans="1:8" ht="71.25" customHeight="1" x14ac:dyDescent="0.3">
      <c r="B10" s="2" t="s">
        <v>259</v>
      </c>
    </row>
    <row r="11" spans="1:8" x14ac:dyDescent="0.3">
      <c r="B11" s="5"/>
    </row>
    <row r="12" spans="1:8" x14ac:dyDescent="0.3">
      <c r="B12" s="20" t="s">
        <v>287</v>
      </c>
    </row>
    <row r="13" spans="1:8" ht="247.5" customHeight="1" x14ac:dyDescent="0.3">
      <c r="B13" s="2" t="s">
        <v>311</v>
      </c>
    </row>
  </sheetData>
  <pageMargins left="0.7" right="0.7" top="0.75" bottom="0.75" header="0.3" footer="0.3"/>
  <customProperties>
    <customPr name="OrphanNamesChecked" r:id="rId1"/>
  </customProperties>
  <drawing r:id="rId2"/>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74E3015-31B0-48FB-95E2-085F43302667}">
  <sheetPr>
    <pageSetUpPr autoPageBreaks="0"/>
  </sheetPr>
  <dimension ref="A1:Y57"/>
  <sheetViews>
    <sheetView showGridLines="0" zoomScaleNormal="100" workbookViewId="0">
      <pane ySplit="7" topLeftCell="A16" activePane="bottomLeft" state="frozen"/>
      <selection pane="bottomLeft" activeCell="F18" sqref="F18"/>
    </sheetView>
  </sheetViews>
  <sheetFormatPr defaultColWidth="8.625" defaultRowHeight="16.5" x14ac:dyDescent="0.3"/>
  <cols>
    <col min="1" max="1" width="3.375" style="10" customWidth="1"/>
    <col min="2" max="2" width="10.125" style="4" customWidth="1"/>
    <col min="3" max="3" width="39.125" style="5" bestFit="1" customWidth="1"/>
    <col min="4" max="4" width="46.125" style="5" customWidth="1"/>
    <col min="5" max="5" width="49" style="5" customWidth="1"/>
    <col min="6" max="6" width="42.5" style="4" customWidth="1"/>
    <col min="7" max="7" width="30.625" style="5" bestFit="1" customWidth="1"/>
    <col min="8" max="8" width="15.625" style="4" bestFit="1" customWidth="1"/>
    <col min="9" max="9" width="29.375" style="5" hidden="1" customWidth="1"/>
    <col min="10" max="10" width="34.5" style="4" bestFit="1" customWidth="1"/>
    <col min="11" max="11" width="31.875" style="4" bestFit="1" customWidth="1"/>
    <col min="12" max="12" width="29.625" style="4" bestFit="1" customWidth="1"/>
    <col min="13" max="13" width="66.375" style="4" customWidth="1"/>
    <col min="14" max="16384" width="8.625" style="4"/>
  </cols>
  <sheetData>
    <row r="1" spans="1:13" ht="9" customHeight="1" x14ac:dyDescent="0.3">
      <c r="A1" s="9"/>
    </row>
    <row r="2" spans="1:13" x14ac:dyDescent="0.3">
      <c r="A2" s="9"/>
      <c r="M2" s="18"/>
    </row>
    <row r="3" spans="1:13" x14ac:dyDescent="0.3">
      <c r="A3" s="9"/>
      <c r="M3" s="18"/>
    </row>
    <row r="4" spans="1:13" x14ac:dyDescent="0.3">
      <c r="A4" s="9"/>
    </row>
    <row r="5" spans="1:13" x14ac:dyDescent="0.3">
      <c r="A5" s="9"/>
      <c r="B5" s="29" t="s">
        <v>0</v>
      </c>
      <c r="C5" s="29"/>
    </row>
    <row r="6" spans="1:13" x14ac:dyDescent="0.3">
      <c r="A6" s="9"/>
    </row>
    <row r="7" spans="1:13" ht="62.45" customHeight="1" x14ac:dyDescent="0.3">
      <c r="A7" s="9"/>
      <c r="B7" s="6" t="s">
        <v>1</v>
      </c>
      <c r="C7" s="7" t="s">
        <v>2</v>
      </c>
      <c r="D7" s="7" t="s">
        <v>3</v>
      </c>
      <c r="E7" s="8" t="s">
        <v>4</v>
      </c>
      <c r="F7" s="6" t="s">
        <v>5</v>
      </c>
      <c r="G7" s="7" t="s">
        <v>6</v>
      </c>
      <c r="H7" s="6" t="s">
        <v>7</v>
      </c>
      <c r="I7" s="7" t="s">
        <v>8</v>
      </c>
      <c r="J7" s="6" t="s">
        <v>9</v>
      </c>
      <c r="K7" s="6" t="s">
        <v>10</v>
      </c>
      <c r="L7" s="17" t="s">
        <v>284</v>
      </c>
      <c r="M7" s="17" t="s">
        <v>288</v>
      </c>
    </row>
    <row r="8" spans="1:13" ht="132" x14ac:dyDescent="0.3">
      <c r="B8" s="27" t="s">
        <v>11</v>
      </c>
      <c r="C8" s="13" t="s">
        <v>93</v>
      </c>
      <c r="D8" s="13" t="s">
        <v>94</v>
      </c>
      <c r="E8" s="13" t="s">
        <v>244</v>
      </c>
      <c r="F8" s="14" t="s">
        <v>46</v>
      </c>
      <c r="G8" s="14" t="s">
        <v>62</v>
      </c>
      <c r="H8" s="15" t="s">
        <v>12</v>
      </c>
      <c r="I8" s="13" t="s">
        <v>44</v>
      </c>
      <c r="J8" s="16" t="s">
        <v>13</v>
      </c>
      <c r="K8" s="13" t="s">
        <v>45</v>
      </c>
      <c r="L8" s="22"/>
      <c r="M8" s="14"/>
    </row>
    <row r="9" spans="1:13" ht="115.5" x14ac:dyDescent="0.3">
      <c r="B9" s="27" t="s">
        <v>14</v>
      </c>
      <c r="C9" s="13" t="s">
        <v>304</v>
      </c>
      <c r="D9" s="13" t="s">
        <v>289</v>
      </c>
      <c r="E9" s="13" t="s">
        <v>290</v>
      </c>
      <c r="F9" s="14" t="s">
        <v>95</v>
      </c>
      <c r="G9" s="15" t="s">
        <v>62</v>
      </c>
      <c r="H9" s="15" t="s">
        <v>12</v>
      </c>
      <c r="I9" s="13" t="s">
        <v>59</v>
      </c>
      <c r="J9" s="16" t="s">
        <v>21</v>
      </c>
      <c r="K9" s="13"/>
      <c r="L9" s="22"/>
      <c r="M9" s="14"/>
    </row>
    <row r="10" spans="1:13" ht="132" x14ac:dyDescent="0.3">
      <c r="B10" s="27" t="s">
        <v>15</v>
      </c>
      <c r="C10" s="13" t="s">
        <v>242</v>
      </c>
      <c r="D10" s="13" t="s">
        <v>243</v>
      </c>
      <c r="E10" s="13" t="s">
        <v>96</v>
      </c>
      <c r="F10" s="15" t="s">
        <v>63</v>
      </c>
      <c r="G10" s="15" t="s">
        <v>54</v>
      </c>
      <c r="H10" s="15" t="s">
        <v>12</v>
      </c>
      <c r="I10" s="13" t="s">
        <v>59</v>
      </c>
      <c r="J10" s="16" t="s">
        <v>13</v>
      </c>
      <c r="K10" s="13"/>
      <c r="L10" s="22"/>
      <c r="M10" s="14"/>
    </row>
    <row r="11" spans="1:13" ht="99" x14ac:dyDescent="0.3">
      <c r="B11" s="27" t="s">
        <v>16</v>
      </c>
      <c r="C11" s="13" t="s">
        <v>97</v>
      </c>
      <c r="D11" s="13" t="s">
        <v>98</v>
      </c>
      <c r="E11" s="13" t="s">
        <v>99</v>
      </c>
      <c r="F11" s="14" t="s">
        <v>101</v>
      </c>
      <c r="G11" s="15" t="s">
        <v>100</v>
      </c>
      <c r="H11" s="15" t="s">
        <v>12</v>
      </c>
      <c r="I11" s="13" t="s">
        <v>59</v>
      </c>
      <c r="J11" s="16" t="s">
        <v>13</v>
      </c>
      <c r="K11" s="13" t="s">
        <v>49</v>
      </c>
      <c r="L11" s="22"/>
      <c r="M11" s="14"/>
    </row>
    <row r="12" spans="1:13" ht="115.5" x14ac:dyDescent="0.3">
      <c r="B12" s="27" t="s">
        <v>17</v>
      </c>
      <c r="C12" s="13" t="s">
        <v>102</v>
      </c>
      <c r="D12" s="13" t="s">
        <v>103</v>
      </c>
      <c r="E12" s="13" t="s">
        <v>104</v>
      </c>
      <c r="F12" s="15" t="s">
        <v>47</v>
      </c>
      <c r="G12" s="15" t="s">
        <v>100</v>
      </c>
      <c r="H12" s="15" t="s">
        <v>12</v>
      </c>
      <c r="I12" s="13" t="s">
        <v>44</v>
      </c>
      <c r="J12" s="16" t="s">
        <v>13</v>
      </c>
      <c r="K12" s="13" t="s">
        <v>48</v>
      </c>
      <c r="L12" s="22"/>
      <c r="M12" s="14"/>
    </row>
    <row r="13" spans="1:13" ht="82.5" x14ac:dyDescent="0.3">
      <c r="B13" s="27" t="s">
        <v>18</v>
      </c>
      <c r="C13" s="13" t="s">
        <v>106</v>
      </c>
      <c r="D13" s="13" t="s">
        <v>105</v>
      </c>
      <c r="E13" s="13" t="s">
        <v>107</v>
      </c>
      <c r="F13" s="15" t="s">
        <v>47</v>
      </c>
      <c r="G13" s="15" t="s">
        <v>54</v>
      </c>
      <c r="H13" s="15" t="s">
        <v>12</v>
      </c>
      <c r="I13" s="13" t="s">
        <v>59</v>
      </c>
      <c r="J13" s="16" t="s">
        <v>13</v>
      </c>
      <c r="K13" s="13"/>
      <c r="L13" s="22"/>
      <c r="M13" s="14"/>
    </row>
    <row r="14" spans="1:13" ht="164.45" customHeight="1" x14ac:dyDescent="0.3">
      <c r="B14" s="27" t="s">
        <v>19</v>
      </c>
      <c r="C14" s="13" t="s">
        <v>108</v>
      </c>
      <c r="D14" s="13" t="s">
        <v>109</v>
      </c>
      <c r="E14" s="13" t="s">
        <v>110</v>
      </c>
      <c r="F14" s="13" t="s">
        <v>111</v>
      </c>
      <c r="G14" s="13" t="s">
        <v>100</v>
      </c>
      <c r="H14" s="15" t="s">
        <v>12</v>
      </c>
      <c r="I14" s="13" t="s">
        <v>59</v>
      </c>
      <c r="J14" s="13" t="s">
        <v>13</v>
      </c>
      <c r="K14" s="13"/>
      <c r="L14" s="22"/>
      <c r="M14" s="14"/>
    </row>
    <row r="15" spans="1:13" ht="165" x14ac:dyDescent="0.3">
      <c r="B15" s="27" t="s">
        <v>20</v>
      </c>
      <c r="C15" s="13" t="s">
        <v>112</v>
      </c>
      <c r="D15" s="13" t="s">
        <v>113</v>
      </c>
      <c r="E15" s="13" t="s">
        <v>114</v>
      </c>
      <c r="F15" s="13" t="s">
        <v>116</v>
      </c>
      <c r="G15" s="13" t="s">
        <v>91</v>
      </c>
      <c r="H15" s="15" t="s">
        <v>12</v>
      </c>
      <c r="I15" s="13" t="s">
        <v>115</v>
      </c>
      <c r="J15" s="13" t="s">
        <v>13</v>
      </c>
      <c r="K15" s="13"/>
      <c r="L15" s="22"/>
      <c r="M15" s="14"/>
    </row>
    <row r="16" spans="1:13" ht="117" customHeight="1" x14ac:dyDescent="0.3">
      <c r="B16" s="27" t="s">
        <v>22</v>
      </c>
      <c r="C16" s="13" t="s">
        <v>117</v>
      </c>
      <c r="D16" s="13" t="s">
        <v>118</v>
      </c>
      <c r="E16" s="13" t="s">
        <v>119</v>
      </c>
      <c r="F16" s="13" t="s">
        <v>121</v>
      </c>
      <c r="G16" s="13" t="s">
        <v>120</v>
      </c>
      <c r="H16" s="15" t="s">
        <v>12</v>
      </c>
      <c r="I16" s="13" t="s">
        <v>44</v>
      </c>
      <c r="J16" s="13" t="s">
        <v>13</v>
      </c>
      <c r="K16" s="13"/>
      <c r="L16" s="22"/>
      <c r="M16" s="14"/>
    </row>
    <row r="17" spans="2:25" ht="104.1" customHeight="1" x14ac:dyDescent="0.3">
      <c r="B17" s="27" t="s">
        <v>23</v>
      </c>
      <c r="C17" s="13" t="s">
        <v>122</v>
      </c>
      <c r="D17" s="13" t="s">
        <v>123</v>
      </c>
      <c r="E17" s="13" t="s">
        <v>124</v>
      </c>
      <c r="F17" s="13" t="s">
        <v>92</v>
      </c>
      <c r="G17" s="13" t="s">
        <v>50</v>
      </c>
      <c r="H17" s="13" t="s">
        <v>37</v>
      </c>
      <c r="I17" s="13" t="s">
        <v>59</v>
      </c>
      <c r="J17" s="13" t="s">
        <v>21</v>
      </c>
      <c r="K17" s="13"/>
      <c r="L17" s="22"/>
      <c r="M17" s="14"/>
    </row>
    <row r="18" spans="2:25" ht="132" customHeight="1" x14ac:dyDescent="0.3">
      <c r="B18" s="27" t="s">
        <v>24</v>
      </c>
      <c r="C18" s="13" t="s">
        <v>125</v>
      </c>
      <c r="D18" s="13" t="s">
        <v>126</v>
      </c>
      <c r="E18" s="13" t="s">
        <v>127</v>
      </c>
      <c r="F18" s="15" t="s">
        <v>53</v>
      </c>
      <c r="G18" s="13" t="s">
        <v>226</v>
      </c>
      <c r="H18" s="15" t="s">
        <v>12</v>
      </c>
      <c r="I18" s="13" t="s">
        <v>76</v>
      </c>
      <c r="J18" s="16" t="s">
        <v>21</v>
      </c>
      <c r="K18" s="13" t="s">
        <v>55</v>
      </c>
      <c r="L18" s="22"/>
      <c r="M18" s="14"/>
    </row>
    <row r="19" spans="2:25" ht="132" x14ac:dyDescent="0.3">
      <c r="B19" s="27" t="s">
        <v>25</v>
      </c>
      <c r="C19" s="13" t="s">
        <v>132</v>
      </c>
      <c r="D19" s="13" t="s">
        <v>159</v>
      </c>
      <c r="E19" s="13" t="s">
        <v>128</v>
      </c>
      <c r="F19" s="14" t="s">
        <v>129</v>
      </c>
      <c r="G19" s="13" t="s">
        <v>226</v>
      </c>
      <c r="H19" s="15" t="s">
        <v>12</v>
      </c>
      <c r="I19" s="13" t="s">
        <v>60</v>
      </c>
      <c r="J19" s="16" t="s">
        <v>21</v>
      </c>
      <c r="K19" s="13" t="s">
        <v>55</v>
      </c>
      <c r="L19" s="22"/>
      <c r="M19" s="14"/>
    </row>
    <row r="20" spans="2:25" ht="148.5" x14ac:dyDescent="0.3">
      <c r="B20" s="27" t="s">
        <v>26</v>
      </c>
      <c r="C20" s="13" t="s">
        <v>130</v>
      </c>
      <c r="D20" s="13" t="s">
        <v>160</v>
      </c>
      <c r="E20" s="13" t="s">
        <v>131</v>
      </c>
      <c r="F20" s="15" t="s">
        <v>56</v>
      </c>
      <c r="G20" s="14" t="s">
        <v>57</v>
      </c>
      <c r="H20" s="15" t="s">
        <v>12</v>
      </c>
      <c r="I20" s="13" t="s">
        <v>61</v>
      </c>
      <c r="J20" s="16" t="s">
        <v>35</v>
      </c>
      <c r="K20" s="13"/>
      <c r="L20" s="22"/>
      <c r="M20" s="14"/>
    </row>
    <row r="21" spans="2:25" ht="168" customHeight="1" x14ac:dyDescent="0.3">
      <c r="B21" s="27" t="s">
        <v>27</v>
      </c>
      <c r="C21" s="23" t="s">
        <v>142</v>
      </c>
      <c r="D21" s="13" t="s">
        <v>161</v>
      </c>
      <c r="E21" s="13" t="s">
        <v>143</v>
      </c>
      <c r="F21" s="14" t="s">
        <v>144</v>
      </c>
      <c r="G21" s="14" t="s">
        <v>227</v>
      </c>
      <c r="H21" s="15" t="s">
        <v>12</v>
      </c>
      <c r="I21" s="13" t="s">
        <v>44</v>
      </c>
      <c r="J21" s="16" t="s">
        <v>13</v>
      </c>
      <c r="K21" s="13"/>
      <c r="L21" s="22"/>
      <c r="M21" s="14"/>
    </row>
    <row r="22" spans="2:25" ht="181.5" x14ac:dyDescent="0.3">
      <c r="B22" s="27" t="s">
        <v>28</v>
      </c>
      <c r="C22" s="13" t="s">
        <v>145</v>
      </c>
      <c r="D22" s="23" t="s">
        <v>230</v>
      </c>
      <c r="E22" s="13" t="s">
        <v>146</v>
      </c>
      <c r="F22" s="14" t="s">
        <v>147</v>
      </c>
      <c r="G22" s="13" t="s">
        <v>100</v>
      </c>
      <c r="H22" s="15" t="s">
        <v>12</v>
      </c>
      <c r="I22" s="13" t="s">
        <v>44</v>
      </c>
      <c r="J22" s="13" t="s">
        <v>13</v>
      </c>
      <c r="K22" s="13"/>
      <c r="L22" s="24"/>
      <c r="M22" s="14"/>
      <c r="N22" s="5"/>
      <c r="O22" s="5"/>
      <c r="P22" s="5"/>
      <c r="Q22" s="5"/>
      <c r="R22" s="5"/>
      <c r="S22" s="5"/>
      <c r="T22" s="5"/>
      <c r="U22" s="5"/>
      <c r="V22" s="5"/>
      <c r="W22" s="5"/>
      <c r="X22" s="5"/>
      <c r="Y22" s="5"/>
    </row>
    <row r="23" spans="2:25" ht="148.5" x14ac:dyDescent="0.3">
      <c r="B23" s="28" t="s">
        <v>29</v>
      </c>
      <c r="C23" s="23" t="s">
        <v>148</v>
      </c>
      <c r="D23" s="25" t="s">
        <v>167</v>
      </c>
      <c r="E23" s="25" t="s">
        <v>149</v>
      </c>
      <c r="F23" s="26" t="s">
        <v>150</v>
      </c>
      <c r="G23" s="25" t="s">
        <v>249</v>
      </c>
      <c r="H23" s="26" t="s">
        <v>12</v>
      </c>
      <c r="I23" s="25" t="s">
        <v>68</v>
      </c>
      <c r="J23" s="25" t="s">
        <v>13</v>
      </c>
      <c r="K23" s="25"/>
      <c r="L23" s="22"/>
      <c r="M23" s="14"/>
    </row>
    <row r="24" spans="2:25" ht="151.35" customHeight="1" x14ac:dyDescent="0.3">
      <c r="B24" s="27" t="s">
        <v>30</v>
      </c>
      <c r="C24" s="13" t="s">
        <v>260</v>
      </c>
      <c r="D24" s="13" t="s">
        <v>261</v>
      </c>
      <c r="E24" s="13" t="s">
        <v>262</v>
      </c>
      <c r="F24" s="14" t="s">
        <v>151</v>
      </c>
      <c r="G24" s="16" t="s">
        <v>50</v>
      </c>
      <c r="H24" s="15" t="s">
        <v>12</v>
      </c>
      <c r="I24" s="13" t="s">
        <v>68</v>
      </c>
      <c r="J24" s="13" t="s">
        <v>13</v>
      </c>
      <c r="K24" s="13"/>
      <c r="L24" s="22"/>
      <c r="M24" s="14"/>
    </row>
    <row r="25" spans="2:25" ht="133.69999999999999" customHeight="1" x14ac:dyDescent="0.3">
      <c r="B25" s="27" t="s">
        <v>31</v>
      </c>
      <c r="C25" s="13" t="s">
        <v>279</v>
      </c>
      <c r="D25" s="13" t="s">
        <v>263</v>
      </c>
      <c r="E25" s="13" t="s">
        <v>264</v>
      </c>
      <c r="F25" s="14" t="s">
        <v>151</v>
      </c>
      <c r="G25" s="16" t="s">
        <v>50</v>
      </c>
      <c r="H25" s="15" t="s">
        <v>12</v>
      </c>
      <c r="I25" s="13" t="s">
        <v>68</v>
      </c>
      <c r="J25" s="13" t="s">
        <v>21</v>
      </c>
      <c r="K25" s="13"/>
      <c r="L25" s="22"/>
      <c r="M25" s="14"/>
    </row>
    <row r="26" spans="2:25" ht="140.44999999999999" customHeight="1" x14ac:dyDescent="0.3">
      <c r="B26" s="27" t="s">
        <v>32</v>
      </c>
      <c r="C26" s="13" t="s">
        <v>195</v>
      </c>
      <c r="D26" s="13" t="s">
        <v>168</v>
      </c>
      <c r="E26" s="13" t="s">
        <v>152</v>
      </c>
      <c r="F26" s="14" t="s">
        <v>52</v>
      </c>
      <c r="G26" s="16" t="s">
        <v>50</v>
      </c>
      <c r="H26" s="16" t="s">
        <v>12</v>
      </c>
      <c r="I26" s="13" t="s">
        <v>44</v>
      </c>
      <c r="J26" s="16" t="s">
        <v>21</v>
      </c>
      <c r="K26" s="13" t="s">
        <v>51</v>
      </c>
      <c r="L26" s="22"/>
      <c r="M26" s="14"/>
    </row>
    <row r="27" spans="2:25" ht="132" x14ac:dyDescent="0.3">
      <c r="B27" s="27" t="s">
        <v>33</v>
      </c>
      <c r="C27" s="13" t="s">
        <v>250</v>
      </c>
      <c r="D27" s="13" t="s">
        <v>251</v>
      </c>
      <c r="E27" s="13" t="s">
        <v>252</v>
      </c>
      <c r="F27" s="14" t="s">
        <v>153</v>
      </c>
      <c r="G27" s="15" t="s">
        <v>100</v>
      </c>
      <c r="H27" s="13" t="s">
        <v>40</v>
      </c>
      <c r="I27" s="13" t="s">
        <v>44</v>
      </c>
      <c r="J27" s="16" t="s">
        <v>13</v>
      </c>
      <c r="K27" s="13"/>
      <c r="L27" s="22"/>
      <c r="M27" s="14"/>
    </row>
    <row r="28" spans="2:25" ht="148.5" x14ac:dyDescent="0.3">
      <c r="B28" s="27" t="s">
        <v>34</v>
      </c>
      <c r="C28" s="13" t="s">
        <v>306</v>
      </c>
      <c r="D28" s="13" t="s">
        <v>305</v>
      </c>
      <c r="E28" s="13" t="s">
        <v>133</v>
      </c>
      <c r="F28" s="14" t="s">
        <v>134</v>
      </c>
      <c r="G28" s="14" t="s">
        <v>57</v>
      </c>
      <c r="H28" s="15" t="s">
        <v>40</v>
      </c>
      <c r="I28" s="13" t="s">
        <v>44</v>
      </c>
      <c r="J28" s="16" t="s">
        <v>35</v>
      </c>
      <c r="K28" s="13"/>
      <c r="L28" s="22"/>
      <c r="M28" s="14"/>
    </row>
    <row r="29" spans="2:25" ht="198" x14ac:dyDescent="0.3">
      <c r="B29" s="27" t="s">
        <v>36</v>
      </c>
      <c r="C29" s="13" t="s">
        <v>135</v>
      </c>
      <c r="D29" s="13" t="s">
        <v>231</v>
      </c>
      <c r="E29" s="13" t="s">
        <v>136</v>
      </c>
      <c r="F29" s="13" t="s">
        <v>138</v>
      </c>
      <c r="G29" s="16" t="s">
        <v>137</v>
      </c>
      <c r="H29" s="16" t="s">
        <v>40</v>
      </c>
      <c r="I29" s="13" t="s">
        <v>44</v>
      </c>
      <c r="J29" s="16" t="s">
        <v>13</v>
      </c>
      <c r="K29" s="16"/>
      <c r="L29" s="22"/>
      <c r="M29" s="14"/>
    </row>
    <row r="30" spans="2:25" ht="165.6" customHeight="1" x14ac:dyDescent="0.3">
      <c r="B30" s="27" t="s">
        <v>64</v>
      </c>
      <c r="C30" s="13" t="s">
        <v>139</v>
      </c>
      <c r="D30" s="13" t="s">
        <v>140</v>
      </c>
      <c r="E30" s="13" t="s">
        <v>141</v>
      </c>
      <c r="F30" s="16" t="s">
        <v>47</v>
      </c>
      <c r="G30" s="16" t="s">
        <v>137</v>
      </c>
      <c r="H30" s="16" t="s">
        <v>12</v>
      </c>
      <c r="I30" s="13" t="s">
        <v>44</v>
      </c>
      <c r="J30" s="16" t="s">
        <v>13</v>
      </c>
      <c r="K30" s="16"/>
      <c r="L30" s="22"/>
      <c r="M30" s="14"/>
    </row>
    <row r="31" spans="2:25" ht="147" customHeight="1" x14ac:dyDescent="0.3">
      <c r="B31" s="27" t="s">
        <v>65</v>
      </c>
      <c r="C31" s="13" t="s">
        <v>154</v>
      </c>
      <c r="D31" s="13" t="s">
        <v>157</v>
      </c>
      <c r="E31" s="13" t="s">
        <v>158</v>
      </c>
      <c r="F31" s="16" t="s">
        <v>58</v>
      </c>
      <c r="G31" s="16" t="s">
        <v>137</v>
      </c>
      <c r="H31" s="16" t="s">
        <v>40</v>
      </c>
      <c r="I31" s="13" t="s">
        <v>68</v>
      </c>
      <c r="J31" s="16" t="s">
        <v>13</v>
      </c>
      <c r="K31" s="16"/>
      <c r="L31" s="22"/>
      <c r="M31" s="14"/>
    </row>
    <row r="32" spans="2:25" ht="139.35" customHeight="1" x14ac:dyDescent="0.3">
      <c r="B32" s="27" t="s">
        <v>66</v>
      </c>
      <c r="C32" s="13" t="s">
        <v>169</v>
      </c>
      <c r="D32" s="13" t="s">
        <v>170</v>
      </c>
      <c r="E32" s="13" t="s">
        <v>171</v>
      </c>
      <c r="F32" s="16" t="s">
        <v>173</v>
      </c>
      <c r="G32" s="16" t="s">
        <v>172</v>
      </c>
      <c r="H32" s="16" t="s">
        <v>40</v>
      </c>
      <c r="I32" s="13" t="s">
        <v>68</v>
      </c>
      <c r="J32" s="16" t="s">
        <v>13</v>
      </c>
      <c r="K32" s="16"/>
      <c r="L32" s="22"/>
      <c r="M32" s="14"/>
    </row>
    <row r="33" spans="2:13" ht="151.35" customHeight="1" x14ac:dyDescent="0.3">
      <c r="B33" s="27" t="s">
        <v>67</v>
      </c>
      <c r="C33" s="13" t="s">
        <v>174</v>
      </c>
      <c r="D33" s="13" t="s">
        <v>307</v>
      </c>
      <c r="E33" s="13" t="s">
        <v>308</v>
      </c>
      <c r="F33" s="13" t="s">
        <v>177</v>
      </c>
      <c r="G33" s="13" t="s">
        <v>57</v>
      </c>
      <c r="H33" s="16" t="s">
        <v>12</v>
      </c>
      <c r="I33" s="13" t="s">
        <v>68</v>
      </c>
      <c r="J33" s="16" t="s">
        <v>21</v>
      </c>
      <c r="K33" s="16"/>
      <c r="L33" s="22"/>
      <c r="M33" s="14"/>
    </row>
    <row r="34" spans="2:13" ht="181.5" x14ac:dyDescent="0.3">
      <c r="B34" s="27" t="s">
        <v>69</v>
      </c>
      <c r="C34" s="13" t="s">
        <v>181</v>
      </c>
      <c r="D34" s="13" t="s">
        <v>182</v>
      </c>
      <c r="E34" s="13" t="s">
        <v>183</v>
      </c>
      <c r="F34" s="16" t="s">
        <v>185</v>
      </c>
      <c r="G34" s="13" t="s">
        <v>137</v>
      </c>
      <c r="H34" s="16" t="s">
        <v>40</v>
      </c>
      <c r="I34" s="13" t="s">
        <v>68</v>
      </c>
      <c r="J34" s="16" t="s">
        <v>13</v>
      </c>
      <c r="K34" s="16"/>
      <c r="L34" s="22"/>
      <c r="M34" s="14"/>
    </row>
    <row r="35" spans="2:13" ht="115.5" x14ac:dyDescent="0.3">
      <c r="B35" s="27" t="s">
        <v>70</v>
      </c>
      <c r="C35" s="13" t="s">
        <v>186</v>
      </c>
      <c r="D35" s="13" t="s">
        <v>187</v>
      </c>
      <c r="E35" s="13" t="s">
        <v>188</v>
      </c>
      <c r="F35" s="16" t="s">
        <v>173</v>
      </c>
      <c r="G35" s="16" t="s">
        <v>172</v>
      </c>
      <c r="H35" s="16" t="s">
        <v>12</v>
      </c>
      <c r="I35" s="13" t="s">
        <v>68</v>
      </c>
      <c r="J35" s="16" t="s">
        <v>13</v>
      </c>
      <c r="K35" s="16"/>
      <c r="L35" s="22"/>
      <c r="M35" s="14"/>
    </row>
    <row r="36" spans="2:13" ht="133.69999999999999" customHeight="1" x14ac:dyDescent="0.3">
      <c r="B36" s="27" t="s">
        <v>71</v>
      </c>
      <c r="C36" s="13" t="s">
        <v>192</v>
      </c>
      <c r="D36" s="13" t="s">
        <v>193</v>
      </c>
      <c r="E36" s="13" t="s">
        <v>194</v>
      </c>
      <c r="F36" s="14" t="s">
        <v>228</v>
      </c>
      <c r="G36" s="14" t="s">
        <v>229</v>
      </c>
      <c r="H36" s="16" t="s">
        <v>12</v>
      </c>
      <c r="I36" s="13" t="s">
        <v>68</v>
      </c>
      <c r="J36" s="16" t="s">
        <v>21</v>
      </c>
      <c r="K36" s="16"/>
      <c r="L36" s="22"/>
      <c r="M36" s="14"/>
    </row>
    <row r="37" spans="2:13" ht="132" x14ac:dyDescent="0.3">
      <c r="B37" s="27" t="s">
        <v>72</v>
      </c>
      <c r="C37" s="13" t="s">
        <v>196</v>
      </c>
      <c r="D37" s="13" t="s">
        <v>197</v>
      </c>
      <c r="E37" s="13" t="s">
        <v>198</v>
      </c>
      <c r="F37" s="16" t="s">
        <v>173</v>
      </c>
      <c r="G37" s="16" t="s">
        <v>172</v>
      </c>
      <c r="H37" s="16" t="s">
        <v>12</v>
      </c>
      <c r="I37" s="13" t="s">
        <v>199</v>
      </c>
      <c r="J37" s="16" t="s">
        <v>13</v>
      </c>
      <c r="K37" s="16"/>
      <c r="L37" s="22"/>
      <c r="M37" s="14"/>
    </row>
    <row r="38" spans="2:13" ht="114.6" customHeight="1" x14ac:dyDescent="0.3">
      <c r="B38" s="27" t="s">
        <v>73</v>
      </c>
      <c r="C38" s="13" t="s">
        <v>245</v>
      </c>
      <c r="D38" s="13" t="s">
        <v>232</v>
      </c>
      <c r="E38" s="13" t="s">
        <v>246</v>
      </c>
      <c r="F38" s="16" t="s">
        <v>200</v>
      </c>
      <c r="G38" s="16" t="s">
        <v>247</v>
      </c>
      <c r="H38" s="16" t="s">
        <v>12</v>
      </c>
      <c r="I38" s="13" t="s">
        <v>87</v>
      </c>
      <c r="J38" s="16" t="s">
        <v>35</v>
      </c>
      <c r="K38" s="16"/>
      <c r="L38" s="22"/>
      <c r="M38" s="14"/>
    </row>
    <row r="39" spans="2:13" ht="148.5" x14ac:dyDescent="0.3">
      <c r="B39" s="27" t="s">
        <v>74</v>
      </c>
      <c r="C39" s="13" t="s">
        <v>205</v>
      </c>
      <c r="D39" s="13" t="s">
        <v>201</v>
      </c>
      <c r="E39" s="13" t="s">
        <v>202</v>
      </c>
      <c r="F39" s="13" t="s">
        <v>203</v>
      </c>
      <c r="G39" s="16" t="s">
        <v>162</v>
      </c>
      <c r="H39" s="16" t="s">
        <v>12</v>
      </c>
      <c r="I39" s="13" t="s">
        <v>90</v>
      </c>
      <c r="J39" s="16" t="s">
        <v>35</v>
      </c>
      <c r="K39" s="16"/>
      <c r="L39" s="22"/>
      <c r="M39" s="14"/>
    </row>
    <row r="40" spans="2:13" ht="132" x14ac:dyDescent="0.3">
      <c r="B40" s="27" t="s">
        <v>75</v>
      </c>
      <c r="C40" s="13" t="s">
        <v>204</v>
      </c>
      <c r="D40" s="13" t="s">
        <v>206</v>
      </c>
      <c r="E40" s="13" t="s">
        <v>207</v>
      </c>
      <c r="F40" s="16" t="s">
        <v>208</v>
      </c>
      <c r="G40" s="13" t="s">
        <v>248</v>
      </c>
      <c r="H40" s="16" t="s">
        <v>12</v>
      </c>
      <c r="I40" s="13" t="s">
        <v>87</v>
      </c>
      <c r="J40" s="16" t="s">
        <v>35</v>
      </c>
      <c r="K40" s="16"/>
      <c r="L40" s="22"/>
      <c r="M40" s="14"/>
    </row>
    <row r="41" spans="2:13" ht="132" x14ac:dyDescent="0.3">
      <c r="B41" s="27" t="s">
        <v>77</v>
      </c>
      <c r="C41" s="13" t="s">
        <v>209</v>
      </c>
      <c r="D41" s="13" t="s">
        <v>210</v>
      </c>
      <c r="E41" s="13" t="s">
        <v>212</v>
      </c>
      <c r="F41" s="16" t="s">
        <v>213</v>
      </c>
      <c r="G41" s="16" t="s">
        <v>211</v>
      </c>
      <c r="H41" s="16" t="s">
        <v>37</v>
      </c>
      <c r="I41" s="13" t="s">
        <v>87</v>
      </c>
      <c r="J41" s="16" t="s">
        <v>35</v>
      </c>
      <c r="K41" s="16"/>
      <c r="L41" s="22"/>
      <c r="M41" s="14"/>
    </row>
    <row r="42" spans="2:13" ht="164.45" customHeight="1" x14ac:dyDescent="0.3">
      <c r="B42" s="27" t="s">
        <v>78</v>
      </c>
      <c r="C42" s="13" t="s">
        <v>292</v>
      </c>
      <c r="D42" s="13" t="s">
        <v>293</v>
      </c>
      <c r="E42" s="13" t="s">
        <v>294</v>
      </c>
      <c r="F42" s="16" t="s">
        <v>173</v>
      </c>
      <c r="G42" s="16" t="s">
        <v>172</v>
      </c>
      <c r="H42" s="16" t="s">
        <v>12</v>
      </c>
      <c r="I42" s="13" t="s">
        <v>253</v>
      </c>
      <c r="J42" s="16" t="s">
        <v>13</v>
      </c>
      <c r="K42" s="13" t="s">
        <v>254</v>
      </c>
      <c r="L42" s="22"/>
      <c r="M42" s="14" t="s">
        <v>295</v>
      </c>
    </row>
    <row r="43" spans="2:13" ht="164.45" customHeight="1" x14ac:dyDescent="0.3">
      <c r="B43" s="27" t="s">
        <v>79</v>
      </c>
      <c r="C43" s="13" t="s">
        <v>296</v>
      </c>
      <c r="D43" s="13" t="s">
        <v>297</v>
      </c>
      <c r="E43" s="13" t="s">
        <v>298</v>
      </c>
      <c r="F43" s="16" t="s">
        <v>173</v>
      </c>
      <c r="G43" s="16" t="s">
        <v>172</v>
      </c>
      <c r="H43" s="16" t="s">
        <v>12</v>
      </c>
      <c r="I43" s="13" t="s">
        <v>253</v>
      </c>
      <c r="J43" s="16" t="s">
        <v>21</v>
      </c>
      <c r="K43" s="13"/>
      <c r="L43" s="22"/>
      <c r="M43" s="14" t="s">
        <v>299</v>
      </c>
    </row>
    <row r="44" spans="2:13" ht="49.5" x14ac:dyDescent="0.3">
      <c r="B44" s="27" t="s">
        <v>80</v>
      </c>
      <c r="C44" s="13" t="s">
        <v>233</v>
      </c>
      <c r="D44" s="13" t="s">
        <v>234</v>
      </c>
      <c r="E44" s="13" t="s">
        <v>235</v>
      </c>
      <c r="F44" s="16" t="s">
        <v>214</v>
      </c>
      <c r="G44" s="16" t="s">
        <v>247</v>
      </c>
      <c r="H44" s="16" t="s">
        <v>12</v>
      </c>
      <c r="I44" s="13" t="s">
        <v>88</v>
      </c>
      <c r="J44" s="16" t="s">
        <v>35</v>
      </c>
      <c r="K44" s="16"/>
      <c r="L44" s="22"/>
      <c r="M44" s="14"/>
    </row>
    <row r="45" spans="2:13" ht="99" x14ac:dyDescent="0.3">
      <c r="B45" s="27" t="s">
        <v>81</v>
      </c>
      <c r="C45" s="13" t="s">
        <v>215</v>
      </c>
      <c r="D45" s="13" t="s">
        <v>216</v>
      </c>
      <c r="E45" s="13" t="s">
        <v>217</v>
      </c>
      <c r="F45" s="16" t="s">
        <v>214</v>
      </c>
      <c r="G45" s="16" t="s">
        <v>247</v>
      </c>
      <c r="H45" s="16" t="s">
        <v>12</v>
      </c>
      <c r="I45" s="13" t="s">
        <v>88</v>
      </c>
      <c r="J45" s="16" t="s">
        <v>35</v>
      </c>
      <c r="K45" s="16"/>
      <c r="L45" s="22"/>
      <c r="M45" s="14"/>
    </row>
    <row r="46" spans="2:13" ht="132" x14ac:dyDescent="0.3">
      <c r="B46" s="27" t="s">
        <v>82</v>
      </c>
      <c r="C46" s="13" t="s">
        <v>218</v>
      </c>
      <c r="D46" s="13" t="s">
        <v>219</v>
      </c>
      <c r="E46" s="13" t="s">
        <v>220</v>
      </c>
      <c r="F46" s="16" t="s">
        <v>214</v>
      </c>
      <c r="G46" s="16" t="s">
        <v>247</v>
      </c>
      <c r="H46" s="16" t="s">
        <v>12</v>
      </c>
      <c r="I46" s="13" t="s">
        <v>88</v>
      </c>
      <c r="J46" s="16" t="s">
        <v>35</v>
      </c>
      <c r="K46" s="16"/>
      <c r="L46" s="22"/>
      <c r="M46" s="14"/>
    </row>
    <row r="47" spans="2:13" ht="152.44999999999999" customHeight="1" x14ac:dyDescent="0.3">
      <c r="B47" s="27" t="s">
        <v>83</v>
      </c>
      <c r="C47" s="13" t="s">
        <v>221</v>
      </c>
      <c r="D47" s="13" t="s">
        <v>222</v>
      </c>
      <c r="E47" s="13" t="s">
        <v>223</v>
      </c>
      <c r="F47" s="16" t="s">
        <v>224</v>
      </c>
      <c r="G47" s="16" t="s">
        <v>162</v>
      </c>
      <c r="H47" s="16" t="s">
        <v>12</v>
      </c>
      <c r="I47" s="13" t="s">
        <v>225</v>
      </c>
      <c r="J47" s="16" t="s">
        <v>35</v>
      </c>
      <c r="K47" s="16"/>
      <c r="L47" s="22"/>
      <c r="M47" s="14"/>
    </row>
    <row r="48" spans="2:13" ht="132" x14ac:dyDescent="0.3">
      <c r="B48" s="27" t="s">
        <v>84</v>
      </c>
      <c r="C48" s="13" t="s">
        <v>156</v>
      </c>
      <c r="D48" s="13" t="s">
        <v>236</v>
      </c>
      <c r="E48" s="13" t="s">
        <v>237</v>
      </c>
      <c r="F48" s="16" t="s">
        <v>163</v>
      </c>
      <c r="G48" s="16" t="s">
        <v>162</v>
      </c>
      <c r="H48" s="16" t="s">
        <v>12</v>
      </c>
      <c r="I48" s="13" t="s">
        <v>155</v>
      </c>
      <c r="J48" s="16" t="s">
        <v>35</v>
      </c>
      <c r="K48" s="16"/>
      <c r="L48" s="22"/>
      <c r="M48" s="14"/>
    </row>
    <row r="49" spans="2:13" ht="148.5" x14ac:dyDescent="0.3">
      <c r="B49" s="27" t="s">
        <v>85</v>
      </c>
      <c r="C49" s="13" t="s">
        <v>164</v>
      </c>
      <c r="D49" s="13" t="s">
        <v>238</v>
      </c>
      <c r="E49" s="13" t="s">
        <v>165</v>
      </c>
      <c r="F49" s="13" t="s">
        <v>166</v>
      </c>
      <c r="G49" s="16" t="s">
        <v>162</v>
      </c>
      <c r="H49" s="16" t="s">
        <v>12</v>
      </c>
      <c r="I49" s="13" t="s">
        <v>87</v>
      </c>
      <c r="J49" s="16" t="s">
        <v>35</v>
      </c>
      <c r="K49" s="16"/>
      <c r="L49" s="22"/>
      <c r="M49" s="14"/>
    </row>
    <row r="50" spans="2:13" ht="165" x14ac:dyDescent="0.3">
      <c r="B50" s="27" t="s">
        <v>86</v>
      </c>
      <c r="C50" s="13" t="s">
        <v>175</v>
      </c>
      <c r="D50" s="13" t="s">
        <v>239</v>
      </c>
      <c r="E50" s="13" t="s">
        <v>176</v>
      </c>
      <c r="F50" s="13" t="s">
        <v>178</v>
      </c>
      <c r="G50" s="16" t="s">
        <v>247</v>
      </c>
      <c r="H50" s="16" t="s">
        <v>12</v>
      </c>
      <c r="I50" s="13" t="s">
        <v>88</v>
      </c>
      <c r="J50" s="16" t="s">
        <v>35</v>
      </c>
      <c r="K50" s="16"/>
      <c r="L50" s="22"/>
      <c r="M50" s="14"/>
    </row>
    <row r="51" spans="2:13" ht="202.35" customHeight="1" x14ac:dyDescent="0.3">
      <c r="B51" s="27" t="s">
        <v>265</v>
      </c>
      <c r="C51" s="13" t="s">
        <v>179</v>
      </c>
      <c r="D51" s="13" t="s">
        <v>240</v>
      </c>
      <c r="E51" s="13" t="s">
        <v>180</v>
      </c>
      <c r="F51" s="13" t="s">
        <v>184</v>
      </c>
      <c r="G51" s="16" t="s">
        <v>162</v>
      </c>
      <c r="H51" s="16" t="s">
        <v>12</v>
      </c>
      <c r="I51" s="13" t="s">
        <v>89</v>
      </c>
      <c r="J51" s="16" t="s">
        <v>35</v>
      </c>
      <c r="K51" s="16"/>
      <c r="L51" s="22"/>
      <c r="M51" s="14"/>
    </row>
    <row r="52" spans="2:13" ht="147" customHeight="1" x14ac:dyDescent="0.3">
      <c r="B52" s="27" t="s">
        <v>280</v>
      </c>
      <c r="C52" s="13" t="s">
        <v>189</v>
      </c>
      <c r="D52" s="13" t="s">
        <v>241</v>
      </c>
      <c r="E52" s="13" t="s">
        <v>190</v>
      </c>
      <c r="F52" s="13" t="s">
        <v>191</v>
      </c>
      <c r="G52" s="16" t="s">
        <v>162</v>
      </c>
      <c r="H52" s="16" t="s">
        <v>12</v>
      </c>
      <c r="I52" s="13" t="s">
        <v>87</v>
      </c>
      <c r="J52" s="16" t="s">
        <v>35</v>
      </c>
      <c r="K52" s="16"/>
      <c r="L52" s="22"/>
      <c r="M52" s="14"/>
    </row>
    <row r="53" spans="2:13" ht="156.6" customHeight="1" x14ac:dyDescent="0.3">
      <c r="B53" s="27" t="s">
        <v>281</v>
      </c>
      <c r="C53" s="13" t="s">
        <v>300</v>
      </c>
      <c r="D53" s="13" t="s">
        <v>301</v>
      </c>
      <c r="E53" s="13" t="s">
        <v>302</v>
      </c>
      <c r="F53" s="13" t="s">
        <v>177</v>
      </c>
      <c r="G53" s="16" t="s">
        <v>91</v>
      </c>
      <c r="H53" s="16" t="s">
        <v>12</v>
      </c>
      <c r="I53" s="13" t="s">
        <v>68</v>
      </c>
      <c r="J53" s="16" t="s">
        <v>21</v>
      </c>
      <c r="K53" s="16"/>
      <c r="L53" s="22"/>
      <c r="M53" s="14" t="s">
        <v>309</v>
      </c>
    </row>
    <row r="54" spans="2:13" ht="165" x14ac:dyDescent="0.3">
      <c r="B54" s="27" t="s">
        <v>291</v>
      </c>
      <c r="C54" s="13" t="s">
        <v>282</v>
      </c>
      <c r="D54" s="13" t="s">
        <v>310</v>
      </c>
      <c r="E54" s="13" t="s">
        <v>303</v>
      </c>
      <c r="F54" s="13" t="s">
        <v>283</v>
      </c>
      <c r="G54" s="16" t="s">
        <v>91</v>
      </c>
      <c r="H54" s="16" t="s">
        <v>12</v>
      </c>
      <c r="I54" s="13" t="s">
        <v>68</v>
      </c>
      <c r="J54" s="16" t="s">
        <v>21</v>
      </c>
      <c r="K54" s="16"/>
      <c r="L54" s="22"/>
      <c r="M54" s="14"/>
    </row>
    <row r="56" spans="2:13" x14ac:dyDescent="0.3">
      <c r="L56" s="19"/>
      <c r="M56" s="12"/>
    </row>
    <row r="57" spans="2:13" x14ac:dyDescent="0.3">
      <c r="L57" s="19"/>
      <c r="M57" s="12"/>
    </row>
  </sheetData>
  <autoFilter ref="B7:M54" xr:uid="{974E3015-31B0-48FB-95E2-085F43302667}"/>
  <mergeCells count="1">
    <mergeCell ref="B5:C5"/>
  </mergeCells>
  <phoneticPr fontId="7" type="noConversion"/>
  <pageMargins left="0.7" right="0.7" top="0.75" bottom="0.75" header="0.3" footer="0.3"/>
  <pageSetup orientation="portrait" r:id="rId1"/>
  <customProperties>
    <customPr name="OrphanNamesChecked" r:id="rId2"/>
  </customProperties>
  <drawing r:id="rId3"/>
  <extLst>
    <ext xmlns:x14="http://schemas.microsoft.com/office/spreadsheetml/2009/9/main" uri="{CCE6A557-97BC-4b89-ADB6-D9C93CAAB3DF}">
      <x14:dataValidations xmlns:xm="http://schemas.microsoft.com/office/excel/2006/main" count="3">
        <x14:dataValidation type="list" allowBlank="1" showInputMessage="1" showErrorMessage="1" xr:uid="{779EAB8C-651E-42D5-90E7-DC1B6376DBE9}">
          <x14:formula1>
            <xm:f>Lists!$A$1:$A$6</xm:f>
          </x14:formula1>
          <xm:sqref>H8:H25 H28:H1048576</xm:sqref>
        </x14:dataValidation>
        <x14:dataValidation type="list" allowBlank="1" showInputMessage="1" showErrorMessage="1" xr:uid="{3E2C1B83-B040-415B-8876-0973F87EE3C5}">
          <x14:formula1>
            <xm:f>Lists!$B$1:$B$3</xm:f>
          </x14:formula1>
          <xm:sqref>J8:J1048576</xm:sqref>
        </x14:dataValidation>
        <x14:dataValidation type="list" allowBlank="1" showInputMessage="1" showErrorMessage="1" xr:uid="{D1BB0DDD-8873-451B-BA44-4B9F873D1812}">
          <x14:formula1>
            <xm:f>Lists!$C$1:$C$2</xm:f>
          </x14:formula1>
          <xm:sqref>L8:L54</xm:sqref>
        </x14:dataValidation>
      </x14:dataValidations>
    </ext>
  </extLst>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D30003A-A08F-41E8-9BB2-CDD8353262BB}">
  <sheetPr>
    <pageSetUpPr autoPageBreaks="0"/>
  </sheetPr>
  <dimension ref="A1:H2"/>
  <sheetViews>
    <sheetView showGridLines="0" zoomScale="130" zoomScaleNormal="130" workbookViewId="0">
      <selection activeCell="B38" sqref="B38"/>
    </sheetView>
  </sheetViews>
  <sheetFormatPr defaultRowHeight="16.5" x14ac:dyDescent="0.3"/>
  <cols>
    <col min="1" max="1" width="31.375" customWidth="1"/>
    <col min="8" max="8" width="9.875" bestFit="1" customWidth="1"/>
  </cols>
  <sheetData>
    <row r="1" spans="1:8" x14ac:dyDescent="0.3">
      <c r="A1" s="3" t="s">
        <v>41</v>
      </c>
      <c r="H1" s="3" t="s">
        <v>42</v>
      </c>
    </row>
    <row r="2" spans="1:8" x14ac:dyDescent="0.3">
      <c r="H2" s="1"/>
    </row>
  </sheetData>
  <pageMargins left="0.7" right="0.7" top="0.75" bottom="0.75" header="0.3" footer="0.3"/>
  <customProperties>
    <customPr name="OrphanNamesChecked" r:id="rId1"/>
  </customProperties>
  <drawing r:id="rId2"/>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25C5D09-C119-4294-9E86-50C396E8384C}">
  <dimension ref="A1:C6"/>
  <sheetViews>
    <sheetView workbookViewId="0">
      <selection activeCell="C3" sqref="C3"/>
    </sheetView>
  </sheetViews>
  <sheetFormatPr defaultRowHeight="16.5" x14ac:dyDescent="0.3"/>
  <cols>
    <col min="1" max="1" width="16.625" bestFit="1" customWidth="1"/>
    <col min="2" max="2" width="11.375" bestFit="1" customWidth="1"/>
  </cols>
  <sheetData>
    <row r="1" spans="1:3" x14ac:dyDescent="0.3">
      <c r="A1" t="s">
        <v>39</v>
      </c>
      <c r="B1" t="s">
        <v>13</v>
      </c>
      <c r="C1" t="s">
        <v>285</v>
      </c>
    </row>
    <row r="2" spans="1:3" x14ac:dyDescent="0.3">
      <c r="A2" t="s">
        <v>38</v>
      </c>
      <c r="B2" t="s">
        <v>21</v>
      </c>
      <c r="C2" t="s">
        <v>286</v>
      </c>
    </row>
    <row r="3" spans="1:3" x14ac:dyDescent="0.3">
      <c r="A3" t="s">
        <v>43</v>
      </c>
      <c r="B3" t="s">
        <v>35</v>
      </c>
    </row>
    <row r="4" spans="1:3" x14ac:dyDescent="0.3">
      <c r="A4" t="s">
        <v>37</v>
      </c>
    </row>
    <row r="5" spans="1:3" x14ac:dyDescent="0.3">
      <c r="A5" t="s">
        <v>12</v>
      </c>
    </row>
    <row r="6" spans="1:3" x14ac:dyDescent="0.3">
      <c r="A6" t="s">
        <v>40</v>
      </c>
    </row>
  </sheetData>
  <pageMargins left="0.7" right="0.7" top="0.75" bottom="0.75" header="0.3" footer="0.3"/>
  <customProperties>
    <customPr name="OrphanNamesChecked" r:id="rId1"/>
  </customPropertie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47a41c12-aa28-44d8-a1b4-d1cb81dfd33b" xsi:nil="true"/>
    <lcf76f155ced4ddcb4097134ff3c332f xmlns="0fb9ec41-813b-423c-b33d-164648586c84">
      <Terms xmlns="http://schemas.microsoft.com/office/infopath/2007/PartnerControls"/>
    </lcf76f155ced4ddcb4097134ff3c332f>
    <SENT_x003f_ xmlns="0fb9ec41-813b-423c-b33d-164648586c84">true</SENT_x003f_>
  </documentManagement>
</p:properties>
</file>

<file path=customXml/item2.xml><?xml version="1.0" encoding="utf-8"?>
<TemplafyFormConfiguration><![CDATA[{"formFields":[],"formDataEntries":[]}]]></TemplafyFormConfiguration>
</file>

<file path=customXml/item3.xml><?xml version="1.0" encoding="utf-8"?>
<datasnipper xmlns="http://datasnipper" workbookId="7b8a5464-b90d-49be-a967-00fa0d8b92b3" dataSnipperSheetDeleted="false" guid="50df38f2-54d8-4369-b106-50226b3c6b79" revision="2">
  <settings xmlns="" guid="7fdbf8ad-6402-4fc4-949b-0f5eee9e7e49">
    <setting type="boolean" value="True" name="embed-documents" guid="32a40fad-f338-45f4-8950-49f76a00e4e3"/>
  </settings>
</datasnipper>
</file>

<file path=customXml/item4.xml><?xml version="1.0" encoding="utf-8"?>
<ct:contentTypeSchema xmlns:ct="http://schemas.microsoft.com/office/2006/metadata/contentType" xmlns:ma="http://schemas.microsoft.com/office/2006/metadata/properties/metaAttributes" ct:_="" ma:_="" ma:contentTypeName="Document" ma:contentTypeID="0x010100255A570789232349809444F071E63E10" ma:contentTypeVersion="13" ma:contentTypeDescription="Create a new document." ma:contentTypeScope="" ma:versionID="8bdadbea19768db2543a23c972a7ab8e">
  <xsd:schema xmlns:xsd="http://www.w3.org/2001/XMLSchema" xmlns:xs="http://www.w3.org/2001/XMLSchema" xmlns:p="http://schemas.microsoft.com/office/2006/metadata/properties" xmlns:ns2="0fb9ec41-813b-423c-b33d-164648586c84" xmlns:ns3="47a41c12-aa28-44d8-a1b4-d1cb81dfd33b" targetNamespace="http://schemas.microsoft.com/office/2006/metadata/properties" ma:root="true" ma:fieldsID="89c8a33acbf0a0da59f275d2b1a65aa3" ns2:_="" ns3:_="">
    <xsd:import namespace="0fb9ec41-813b-423c-b33d-164648586c84"/>
    <xsd:import namespace="47a41c12-aa28-44d8-a1b4-d1cb81dfd33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2:SENT_x003f_"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fb9ec41-813b-423c-b33d-164648586c8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a3be38ff-c36a-46b3-97e8-44d97987dc79"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SENT_x003f_" ma:index="20" nillable="true" ma:displayName="SENT?" ma:default="1" ma:format="Dropdown" ma:internalName="SENT_x003f_">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47a41c12-aa28-44d8-a1b4-d1cb81dfd33b"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b09fc524-f1fd-4c29-9a56-93fe787c1038}" ma:internalName="TaxCatchAll" ma:showField="CatchAllData" ma:web="47a41c12-aa28-44d8-a1b4-d1cb81dfd3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transformationConfigurations":[],"templateName":"EisnerAmper Template","templateDescription":"","enableDocumentContentUpdater":false,"version":"2.0"}]]></TemplafyTemplateConfiguration>
</file>

<file path=customXml/itemProps1.xml><?xml version="1.0" encoding="utf-8"?>
<ds:datastoreItem xmlns:ds="http://schemas.openxmlformats.org/officeDocument/2006/customXml" ds:itemID="{59FC34BF-05B0-470E-8CAF-ACE60BA9C61E}">
  <ds:schemaRefs>
    <ds:schemaRef ds:uri="http://schemas.microsoft.com/office/2006/documentManagement/types"/>
    <ds:schemaRef ds:uri="47a41c12-aa28-44d8-a1b4-d1cb81dfd33b"/>
    <ds:schemaRef ds:uri="http://purl.org/dc/terms/"/>
    <ds:schemaRef ds:uri="http://schemas.microsoft.com/office/2006/metadata/properties"/>
    <ds:schemaRef ds:uri="http://purl.org/dc/elements/1.1/"/>
    <ds:schemaRef ds:uri="http://purl.org/dc/dcmitype/"/>
    <ds:schemaRef ds:uri="http://schemas.microsoft.com/office/infopath/2007/PartnerControls"/>
    <ds:schemaRef ds:uri="http://schemas.openxmlformats.org/package/2006/metadata/core-properties"/>
    <ds:schemaRef ds:uri="0fb9ec41-813b-423c-b33d-164648586c84"/>
    <ds:schemaRef ds:uri="http://www.w3.org/XML/1998/namespace"/>
  </ds:schemaRefs>
</ds:datastoreItem>
</file>

<file path=customXml/itemProps2.xml><?xml version="1.0" encoding="utf-8"?>
<ds:datastoreItem xmlns:ds="http://schemas.openxmlformats.org/officeDocument/2006/customXml" ds:itemID="{E3AAADB3-F6A3-41B5-8E46-F7C4998ABE5C}">
  <ds:schemaRefs/>
</ds:datastoreItem>
</file>

<file path=customXml/itemProps3.xml><?xml version="1.0" encoding="utf-8"?>
<ds:datastoreItem xmlns:ds="http://schemas.openxmlformats.org/officeDocument/2006/customXml" ds:itemID="{EB111C6D-ED31-4603-BC7C-2EE7800064C4}">
  <ds:schemaRefs>
    <ds:schemaRef ds:uri="http://datasnipper"/>
    <ds:schemaRef ds:uri=""/>
  </ds:schemaRefs>
</ds:datastoreItem>
</file>

<file path=customXml/itemProps4.xml><?xml version="1.0" encoding="utf-8"?>
<ds:datastoreItem xmlns:ds="http://schemas.openxmlformats.org/officeDocument/2006/customXml" ds:itemID="{2833B82E-8870-4E47-8C3C-56AA34FFBC1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fb9ec41-813b-423c-b33d-164648586c84"/>
    <ds:schemaRef ds:uri="47a41c12-aa28-44d8-a1b4-d1cb81dfd33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95D3DF1-76AA-4442-A28A-932D23AE97B3}">
  <ds:schemaRefs>
    <ds:schemaRef ds:uri="http://schemas.microsoft.com/sharepoint/v3/contenttype/forms"/>
  </ds:schemaRefs>
</ds:datastoreItem>
</file>

<file path=customXml/itemProps6.xml><?xml version="1.0" encoding="utf-8"?>
<ds:datastoreItem xmlns:ds="http://schemas.openxmlformats.org/officeDocument/2006/customXml" ds:itemID="{F8796EA3-595A-4176-9829-089E336E84D1}">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4</vt:i4>
      </vt:variant>
    </vt:vector>
  </HeadingPairs>
  <TitlesOfParts>
    <vt:vector size="4" baseType="lpstr">
      <vt:lpstr>CoverSheet</vt:lpstr>
      <vt:lpstr>Repository</vt:lpstr>
      <vt:lpstr>Reference</vt:lpstr>
      <vt:lpstr>List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urrate, Timothy</dc:creator>
  <cp:keywords/>
  <dc:description/>
  <cp:lastModifiedBy>Richmond McMurray</cp:lastModifiedBy>
  <cp:revision/>
  <dcterms:created xsi:type="dcterms:W3CDTF">2025-09-17T19:55:38Z</dcterms:created>
  <dcterms:modified xsi:type="dcterms:W3CDTF">2026-04-24T00:18:4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isneramper</vt:lpwstr>
  </property>
  <property fmtid="{D5CDD505-2E9C-101B-9397-08002B2CF9AE}" pid="3" name="TemplafyTemplateId">
    <vt:lpwstr>637927518416159678</vt:lpwstr>
  </property>
  <property fmtid="{D5CDD505-2E9C-101B-9397-08002B2CF9AE}" pid="4" name="TemplafyUserProfileId">
    <vt:lpwstr>1276318715361362326</vt:lpwstr>
  </property>
  <property fmtid="{D5CDD505-2E9C-101B-9397-08002B2CF9AE}" pid="5" name="TemplafyLanguageCode">
    <vt:lpwstr>en-US</vt:lpwstr>
  </property>
  <property fmtid="{D5CDD505-2E9C-101B-9397-08002B2CF9AE}" pid="6" name="TemplafyFromBlank">
    <vt:bool>true</vt:bool>
  </property>
  <property fmtid="{D5CDD505-2E9C-101B-9397-08002B2CF9AE}" pid="7" name="ContentTypeId">
    <vt:lpwstr>0x010100255A570789232349809444F071E63E10</vt:lpwstr>
  </property>
  <property fmtid="{D5CDD505-2E9C-101B-9397-08002B2CF9AE}" pid="8" name="MediaServiceImageTags">
    <vt:lpwstr/>
  </property>
</Properties>
</file>